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8.xml" ContentType="application/vnd.openxmlformats-officedocument.presentationml.notesSlide+xml"/>
  <Override PartName="/ppt/notesSlides/notesSlide9.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notesSlides/notesSlide13.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13"/>
  </p:sldMasterIdLst>
  <p:notesMasterIdLst>
    <p:notesMasterId r:id="rId39"/>
  </p:notesMasterIdLst>
  <p:handoutMasterIdLst>
    <p:handoutMasterId r:id="rId40"/>
  </p:handoutMasterIdLst>
  <p:sldIdLst>
    <p:sldId id="256" r:id="rId14"/>
    <p:sldId id="332" r:id="rId15"/>
    <p:sldId id="266" r:id="rId16"/>
    <p:sldId id="319" r:id="rId17"/>
    <p:sldId id="318" r:id="rId18"/>
    <p:sldId id="333" r:id="rId19"/>
    <p:sldId id="334" r:id="rId20"/>
    <p:sldId id="326" r:id="rId21"/>
    <p:sldId id="335" r:id="rId22"/>
    <p:sldId id="322" r:id="rId23"/>
    <p:sldId id="320" r:id="rId24"/>
    <p:sldId id="325" r:id="rId25"/>
    <p:sldId id="327" r:id="rId26"/>
    <p:sldId id="328" r:id="rId27"/>
    <p:sldId id="330" r:id="rId28"/>
    <p:sldId id="336" r:id="rId29"/>
    <p:sldId id="337" r:id="rId30"/>
    <p:sldId id="338" r:id="rId31"/>
    <p:sldId id="339" r:id="rId32"/>
    <p:sldId id="342" r:id="rId33"/>
    <p:sldId id="340" r:id="rId34"/>
    <p:sldId id="341" r:id="rId35"/>
    <p:sldId id="343" r:id="rId36"/>
    <p:sldId id="317" r:id="rId37"/>
    <p:sldId id="321" r:id="rId38"/>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C7405EE-24F3-4CAF-A3E1-44800630687E}" v="395" dt="2024-08-22T14:10:43.834"/>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98" autoAdjust="0"/>
    <p:restoredTop sz="71703" autoAdjust="0"/>
  </p:normalViewPr>
  <p:slideViewPr>
    <p:cSldViewPr snapToGrid="0">
      <p:cViewPr>
        <p:scale>
          <a:sx n="100" d="100"/>
          <a:sy n="100" d="100"/>
        </p:scale>
        <p:origin x="1896" y="174"/>
      </p:cViewPr>
      <p:guideLst>
        <p:guide orient="horz" pos="1620"/>
        <p:guide pos="2880"/>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5.xml"/><Relationship Id="rId26" Type="http://schemas.openxmlformats.org/officeDocument/2006/relationships/slide" Target="slides/slide13.xml"/><Relationship Id="rId39" Type="http://schemas.openxmlformats.org/officeDocument/2006/relationships/notesMaster" Target="notesMasters/notesMaster1.xml"/><Relationship Id="rId21" Type="http://schemas.openxmlformats.org/officeDocument/2006/relationships/slide" Target="slides/slide8.xml"/><Relationship Id="rId34" Type="http://schemas.openxmlformats.org/officeDocument/2006/relationships/slide" Target="slides/slide21.xml"/><Relationship Id="rId42" Type="http://schemas.openxmlformats.org/officeDocument/2006/relationships/viewProps" Target="viewProps.xml"/><Relationship Id="rId47"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3.xml"/><Relationship Id="rId29" Type="http://schemas.openxmlformats.org/officeDocument/2006/relationships/slide" Target="slides/slide1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1.xml"/><Relationship Id="rId32" Type="http://schemas.openxmlformats.org/officeDocument/2006/relationships/slide" Target="slides/slide19.xml"/><Relationship Id="rId37" Type="http://schemas.openxmlformats.org/officeDocument/2006/relationships/slide" Target="slides/slide24.xml"/><Relationship Id="rId40" Type="http://schemas.openxmlformats.org/officeDocument/2006/relationships/handoutMaster" Target="handoutMasters/handoutMaster1.xml"/><Relationship Id="rId45"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slide" Target="slides/slide15.xml"/><Relationship Id="rId36" Type="http://schemas.openxmlformats.org/officeDocument/2006/relationships/slide" Target="slides/slide23.xml"/><Relationship Id="rId10" Type="http://schemas.openxmlformats.org/officeDocument/2006/relationships/customXml" Target="../customXml/item10.xml"/><Relationship Id="rId19" Type="http://schemas.openxmlformats.org/officeDocument/2006/relationships/slide" Target="slides/slide6.xml"/><Relationship Id="rId31" Type="http://schemas.openxmlformats.org/officeDocument/2006/relationships/slide" Target="slides/slide18.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slide" Target="slides/slide14.xml"/><Relationship Id="rId30" Type="http://schemas.openxmlformats.org/officeDocument/2006/relationships/slide" Target="slides/slide17.xml"/><Relationship Id="rId35" Type="http://schemas.openxmlformats.org/officeDocument/2006/relationships/slide" Target="slides/slide22.xml"/><Relationship Id="rId43" Type="http://schemas.openxmlformats.org/officeDocument/2006/relationships/theme" Target="theme/theme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4.xml"/><Relationship Id="rId25" Type="http://schemas.openxmlformats.org/officeDocument/2006/relationships/slide" Target="slides/slide12.xml"/><Relationship Id="rId33" Type="http://schemas.openxmlformats.org/officeDocument/2006/relationships/slide" Target="slides/slide20.xml"/><Relationship Id="rId38" Type="http://schemas.openxmlformats.org/officeDocument/2006/relationships/slide" Target="slides/slide25.xml"/><Relationship Id="rId46" Type="http://schemas.microsoft.com/office/2015/10/relationships/revisionInfo" Target="revisionInfo.xml"/><Relationship Id="rId20" Type="http://schemas.openxmlformats.org/officeDocument/2006/relationships/slide" Target="slides/slide7.xml"/><Relationship Id="rId41"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White, Alex" userId="eff6cc8c-37d8-483b-9c6c-6b27e9afa9bc" providerId="ADAL" clId="{28277385-F9E0-4D52-91E3-26DC3CC17880}"/>
    <pc:docChg chg="undo redo custSel addSld delSld modSld">
      <pc:chgData name="White, Alex" userId="eff6cc8c-37d8-483b-9c6c-6b27e9afa9bc" providerId="ADAL" clId="{28277385-F9E0-4D52-91E3-26DC3CC17880}" dt="2023-08-24T13:27:48.767" v="315" actId="20577"/>
      <pc:docMkLst>
        <pc:docMk/>
      </pc:docMkLst>
      <pc:sldChg chg="modSp mod">
        <pc:chgData name="White, Alex" userId="eff6cc8c-37d8-483b-9c6c-6b27e9afa9bc" providerId="ADAL" clId="{28277385-F9E0-4D52-91E3-26DC3CC17880}" dt="2023-08-24T13:27:48.767" v="315" actId="20577"/>
        <pc:sldMkLst>
          <pc:docMk/>
          <pc:sldMk cId="2911391212" sldId="262"/>
        </pc:sldMkLst>
        <pc:spChg chg="mod">
          <ac:chgData name="White, Alex" userId="eff6cc8c-37d8-483b-9c6c-6b27e9afa9bc" providerId="ADAL" clId="{28277385-F9E0-4D52-91E3-26DC3CC17880}" dt="2023-08-24T13:27:48.767" v="315" actId="20577"/>
          <ac:spMkLst>
            <pc:docMk/>
            <pc:sldMk cId="2911391212" sldId="262"/>
            <ac:spMk id="3" creationId="{7F53FDEA-B61A-3EFB-30D4-938808D41F8C}"/>
          </ac:spMkLst>
        </pc:spChg>
      </pc:sldChg>
      <pc:sldChg chg="modSp mod">
        <pc:chgData name="White, Alex" userId="eff6cc8c-37d8-483b-9c6c-6b27e9afa9bc" providerId="ADAL" clId="{28277385-F9E0-4D52-91E3-26DC3CC17880}" dt="2023-08-24T12:52:29.218" v="89" actId="20577"/>
        <pc:sldMkLst>
          <pc:docMk/>
          <pc:sldMk cId="261226206" sldId="319"/>
        </pc:sldMkLst>
        <pc:spChg chg="mod">
          <ac:chgData name="White, Alex" userId="eff6cc8c-37d8-483b-9c6c-6b27e9afa9bc" providerId="ADAL" clId="{28277385-F9E0-4D52-91E3-26DC3CC17880}" dt="2023-08-24T12:52:29.218" v="89" actId="20577"/>
          <ac:spMkLst>
            <pc:docMk/>
            <pc:sldMk cId="261226206" sldId="319"/>
            <ac:spMk id="5" creationId="{7E6D8290-F9E1-9B3F-CEB7-600A41E0BB02}"/>
          </ac:spMkLst>
        </pc:spChg>
      </pc:sldChg>
      <pc:sldChg chg="modSp mod">
        <pc:chgData name="White, Alex" userId="eff6cc8c-37d8-483b-9c6c-6b27e9afa9bc" providerId="ADAL" clId="{28277385-F9E0-4D52-91E3-26DC3CC17880}" dt="2023-08-24T13:10:57.550" v="230" actId="21"/>
        <pc:sldMkLst>
          <pc:docMk/>
          <pc:sldMk cId="422336582" sldId="320"/>
        </pc:sldMkLst>
        <pc:spChg chg="mod">
          <ac:chgData name="White, Alex" userId="eff6cc8c-37d8-483b-9c6c-6b27e9afa9bc" providerId="ADAL" clId="{28277385-F9E0-4D52-91E3-26DC3CC17880}" dt="2023-08-24T12:55:22.003" v="147" actId="20577"/>
          <ac:spMkLst>
            <pc:docMk/>
            <pc:sldMk cId="422336582" sldId="320"/>
            <ac:spMk id="2" creationId="{39A623D5-7DFB-7C29-FBAD-576A8CAB573D}"/>
          </ac:spMkLst>
        </pc:spChg>
        <pc:spChg chg="mod">
          <ac:chgData name="White, Alex" userId="eff6cc8c-37d8-483b-9c6c-6b27e9afa9bc" providerId="ADAL" clId="{28277385-F9E0-4D52-91E3-26DC3CC17880}" dt="2023-08-24T13:10:57.550" v="230" actId="21"/>
          <ac:spMkLst>
            <pc:docMk/>
            <pc:sldMk cId="422336582" sldId="320"/>
            <ac:spMk id="5" creationId="{7E6D8290-F9E1-9B3F-CEB7-600A41E0BB02}"/>
          </ac:spMkLst>
        </pc:spChg>
      </pc:sldChg>
      <pc:sldChg chg="modSp mod">
        <pc:chgData name="White, Alex" userId="eff6cc8c-37d8-483b-9c6c-6b27e9afa9bc" providerId="ADAL" clId="{28277385-F9E0-4D52-91E3-26DC3CC17880}" dt="2023-08-24T12:48:00.927" v="31" actId="20577"/>
        <pc:sldMkLst>
          <pc:docMk/>
          <pc:sldMk cId="2053758772" sldId="321"/>
        </pc:sldMkLst>
        <pc:spChg chg="mod">
          <ac:chgData name="White, Alex" userId="eff6cc8c-37d8-483b-9c6c-6b27e9afa9bc" providerId="ADAL" clId="{28277385-F9E0-4D52-91E3-26DC3CC17880}" dt="2023-08-24T12:48:00.927" v="31" actId="20577"/>
          <ac:spMkLst>
            <pc:docMk/>
            <pc:sldMk cId="2053758772" sldId="321"/>
            <ac:spMk id="5" creationId="{7E6D8290-F9E1-9B3F-CEB7-600A41E0BB02}"/>
          </ac:spMkLst>
        </pc:spChg>
      </pc:sldChg>
      <pc:sldChg chg="modSp mod">
        <pc:chgData name="White, Alex" userId="eff6cc8c-37d8-483b-9c6c-6b27e9afa9bc" providerId="ADAL" clId="{28277385-F9E0-4D52-91E3-26DC3CC17880}" dt="2023-08-24T13:15:33.434" v="267" actId="20577"/>
        <pc:sldMkLst>
          <pc:docMk/>
          <pc:sldMk cId="1475012522" sldId="322"/>
        </pc:sldMkLst>
        <pc:spChg chg="mod">
          <ac:chgData name="White, Alex" userId="eff6cc8c-37d8-483b-9c6c-6b27e9afa9bc" providerId="ADAL" clId="{28277385-F9E0-4D52-91E3-26DC3CC17880}" dt="2023-08-24T13:15:33.434" v="267" actId="20577"/>
          <ac:spMkLst>
            <pc:docMk/>
            <pc:sldMk cId="1475012522" sldId="322"/>
            <ac:spMk id="2" creationId="{39A623D5-7DFB-7C29-FBAD-576A8CAB573D}"/>
          </ac:spMkLst>
        </pc:spChg>
      </pc:sldChg>
      <pc:sldChg chg="delSp modSp mod">
        <pc:chgData name="White, Alex" userId="eff6cc8c-37d8-483b-9c6c-6b27e9afa9bc" providerId="ADAL" clId="{28277385-F9E0-4D52-91E3-26DC3CC17880}" dt="2023-08-24T13:15:49.319" v="273" actId="1076"/>
        <pc:sldMkLst>
          <pc:docMk/>
          <pc:sldMk cId="1164953471" sldId="325"/>
        </pc:sldMkLst>
        <pc:spChg chg="mod">
          <ac:chgData name="White, Alex" userId="eff6cc8c-37d8-483b-9c6c-6b27e9afa9bc" providerId="ADAL" clId="{28277385-F9E0-4D52-91E3-26DC3CC17880}" dt="2023-08-24T13:15:38.330" v="268" actId="20577"/>
          <ac:spMkLst>
            <pc:docMk/>
            <pc:sldMk cId="1164953471" sldId="325"/>
            <ac:spMk id="2" creationId="{39A623D5-7DFB-7C29-FBAD-576A8CAB573D}"/>
          </ac:spMkLst>
        </pc:spChg>
        <pc:spChg chg="del mod">
          <ac:chgData name="White, Alex" userId="eff6cc8c-37d8-483b-9c6c-6b27e9afa9bc" providerId="ADAL" clId="{28277385-F9E0-4D52-91E3-26DC3CC17880}" dt="2023-08-24T13:15:45.871" v="271" actId="478"/>
          <ac:spMkLst>
            <pc:docMk/>
            <pc:sldMk cId="1164953471" sldId="325"/>
            <ac:spMk id="5" creationId="{7E6D8290-F9E1-9B3F-CEB7-600A41E0BB02}"/>
          </ac:spMkLst>
        </pc:spChg>
        <pc:picChg chg="del">
          <ac:chgData name="White, Alex" userId="eff6cc8c-37d8-483b-9c6c-6b27e9afa9bc" providerId="ADAL" clId="{28277385-F9E0-4D52-91E3-26DC3CC17880}" dt="2023-08-24T12:48:58.332" v="32" actId="478"/>
          <ac:picMkLst>
            <pc:docMk/>
            <pc:sldMk cId="1164953471" sldId="325"/>
            <ac:picMk id="1026" creationId="{A6ED0255-6776-E5A4-97A0-F043FFD32D5F}"/>
          </ac:picMkLst>
        </pc:picChg>
        <pc:picChg chg="mod">
          <ac:chgData name="White, Alex" userId="eff6cc8c-37d8-483b-9c6c-6b27e9afa9bc" providerId="ADAL" clId="{28277385-F9E0-4D52-91E3-26DC3CC17880}" dt="2023-08-24T13:15:49.319" v="273" actId="1076"/>
          <ac:picMkLst>
            <pc:docMk/>
            <pc:sldMk cId="1164953471" sldId="325"/>
            <ac:picMk id="1028" creationId="{285999AA-05DE-1E8F-5DA4-AF8C7F0C3F54}"/>
          </ac:picMkLst>
        </pc:picChg>
      </pc:sldChg>
      <pc:sldChg chg="modSp mod">
        <pc:chgData name="White, Alex" userId="eff6cc8c-37d8-483b-9c6c-6b27e9afa9bc" providerId="ADAL" clId="{28277385-F9E0-4D52-91E3-26DC3CC17880}" dt="2023-08-24T13:20:02.546" v="302" actId="5793"/>
        <pc:sldMkLst>
          <pc:docMk/>
          <pc:sldMk cId="2875880531" sldId="326"/>
        </pc:sldMkLst>
        <pc:spChg chg="mod">
          <ac:chgData name="White, Alex" userId="eff6cc8c-37d8-483b-9c6c-6b27e9afa9bc" providerId="ADAL" clId="{28277385-F9E0-4D52-91E3-26DC3CC17880}" dt="2023-08-24T13:20:02.546" v="302" actId="5793"/>
          <ac:spMkLst>
            <pc:docMk/>
            <pc:sldMk cId="2875880531" sldId="326"/>
            <ac:spMk id="5" creationId="{7E6D8290-F9E1-9B3F-CEB7-600A41E0BB02}"/>
          </ac:spMkLst>
        </pc:spChg>
      </pc:sldChg>
      <pc:sldChg chg="modSp mod">
        <pc:chgData name="White, Alex" userId="eff6cc8c-37d8-483b-9c6c-6b27e9afa9bc" providerId="ADAL" clId="{28277385-F9E0-4D52-91E3-26DC3CC17880}" dt="2023-08-24T13:18:55.470" v="292" actId="20577"/>
        <pc:sldMkLst>
          <pc:docMk/>
          <pc:sldMk cId="8094545" sldId="327"/>
        </pc:sldMkLst>
        <pc:spChg chg="mod">
          <ac:chgData name="White, Alex" userId="eff6cc8c-37d8-483b-9c6c-6b27e9afa9bc" providerId="ADAL" clId="{28277385-F9E0-4D52-91E3-26DC3CC17880}" dt="2023-08-24T13:18:55.470" v="292" actId="20577"/>
          <ac:spMkLst>
            <pc:docMk/>
            <pc:sldMk cId="8094545" sldId="327"/>
            <ac:spMk id="5" creationId="{7E6D8290-F9E1-9B3F-CEB7-600A41E0BB02}"/>
          </ac:spMkLst>
        </pc:spChg>
      </pc:sldChg>
      <pc:sldChg chg="addSp modSp mod">
        <pc:chgData name="White, Alex" userId="eff6cc8c-37d8-483b-9c6c-6b27e9afa9bc" providerId="ADAL" clId="{28277385-F9E0-4D52-91E3-26DC3CC17880}" dt="2023-08-24T13:18:36.753" v="289" actId="20577"/>
        <pc:sldMkLst>
          <pc:docMk/>
          <pc:sldMk cId="1112715637" sldId="328"/>
        </pc:sldMkLst>
        <pc:spChg chg="mod">
          <ac:chgData name="White, Alex" userId="eff6cc8c-37d8-483b-9c6c-6b27e9afa9bc" providerId="ADAL" clId="{28277385-F9E0-4D52-91E3-26DC3CC17880}" dt="2023-08-24T13:18:36.753" v="289" actId="20577"/>
          <ac:spMkLst>
            <pc:docMk/>
            <pc:sldMk cId="1112715637" sldId="328"/>
            <ac:spMk id="5" creationId="{7E6D8290-F9E1-9B3F-CEB7-600A41E0BB02}"/>
          </ac:spMkLst>
        </pc:spChg>
        <pc:picChg chg="add mod">
          <ac:chgData name="White, Alex" userId="eff6cc8c-37d8-483b-9c6c-6b27e9afa9bc" providerId="ADAL" clId="{28277385-F9E0-4D52-91E3-26DC3CC17880}" dt="2023-08-24T13:18:32.606" v="281" actId="1076"/>
          <ac:picMkLst>
            <pc:docMk/>
            <pc:sldMk cId="1112715637" sldId="328"/>
            <ac:picMk id="3" creationId="{B558D51C-9176-49A1-C5BA-E86637289068}"/>
          </ac:picMkLst>
        </pc:picChg>
      </pc:sldChg>
      <pc:sldChg chg="del">
        <pc:chgData name="White, Alex" userId="eff6cc8c-37d8-483b-9c6c-6b27e9afa9bc" providerId="ADAL" clId="{28277385-F9E0-4D52-91E3-26DC3CC17880}" dt="2023-08-24T13:19:45.530" v="300" actId="47"/>
        <pc:sldMkLst>
          <pc:docMk/>
          <pc:sldMk cId="3916407894" sldId="331"/>
        </pc:sldMkLst>
      </pc:sldChg>
      <pc:sldChg chg="modSp">
        <pc:chgData name="White, Alex" userId="eff6cc8c-37d8-483b-9c6c-6b27e9afa9bc" providerId="ADAL" clId="{28277385-F9E0-4D52-91E3-26DC3CC17880}" dt="2023-08-24T12:53:29.192" v="94" actId="20577"/>
        <pc:sldMkLst>
          <pc:docMk/>
          <pc:sldMk cId="678581320" sldId="332"/>
        </pc:sldMkLst>
        <pc:graphicFrameChg chg="mod">
          <ac:chgData name="White, Alex" userId="eff6cc8c-37d8-483b-9c6c-6b27e9afa9bc" providerId="ADAL" clId="{28277385-F9E0-4D52-91E3-26DC3CC17880}" dt="2023-08-24T12:53:29.192" v="94" actId="20577"/>
          <ac:graphicFrameMkLst>
            <pc:docMk/>
            <pc:sldMk cId="678581320" sldId="332"/>
            <ac:graphicFrameMk id="14" creationId="{D8AF8747-7739-CE22-E4C8-91BBAC23B2ED}"/>
          </ac:graphicFrameMkLst>
        </pc:graphicFrameChg>
      </pc:sldChg>
      <pc:sldChg chg="modSp new del mod">
        <pc:chgData name="White, Alex" userId="eff6cc8c-37d8-483b-9c6c-6b27e9afa9bc" providerId="ADAL" clId="{28277385-F9E0-4D52-91E3-26DC3CC17880}" dt="2023-08-24T13:15:12.235" v="266" actId="47"/>
        <pc:sldMkLst>
          <pc:docMk/>
          <pc:sldMk cId="2282002261" sldId="333"/>
        </pc:sldMkLst>
        <pc:spChg chg="mod">
          <ac:chgData name="White, Alex" userId="eff6cc8c-37d8-483b-9c6c-6b27e9afa9bc" providerId="ADAL" clId="{28277385-F9E0-4D52-91E3-26DC3CC17880}" dt="2023-08-24T13:11:53.961" v="265" actId="20577"/>
          <ac:spMkLst>
            <pc:docMk/>
            <pc:sldMk cId="2282002261" sldId="333"/>
            <ac:spMk id="2" creationId="{FEF4B57B-793E-480B-E94C-F35E92E4D34F}"/>
          </ac:spMkLst>
        </pc:spChg>
        <pc:spChg chg="mod">
          <ac:chgData name="White, Alex" userId="eff6cc8c-37d8-483b-9c6c-6b27e9afa9bc" providerId="ADAL" clId="{28277385-F9E0-4D52-91E3-26DC3CC17880}" dt="2023-08-24T13:11:02.645" v="232"/>
          <ac:spMkLst>
            <pc:docMk/>
            <pc:sldMk cId="2282002261" sldId="333"/>
            <ac:spMk id="3" creationId="{6CE2CDCD-0053-04E4-CECF-52EB17E2DDD2}"/>
          </ac:spMkLst>
        </pc:spChg>
      </pc:sldChg>
    </pc:docChg>
  </pc:docChgLst>
  <pc:docChgLst>
    <pc:chgData name="White, Alex" userId="eff6cc8c-37d8-483b-9c6c-6b27e9afa9bc" providerId="ADAL" clId="{AC7405EE-24F3-4CAF-A3E1-44800630687E}"/>
    <pc:docChg chg="undo redo custSel addSld delSld modSld sldOrd">
      <pc:chgData name="White, Alex" userId="eff6cc8c-37d8-483b-9c6c-6b27e9afa9bc" providerId="ADAL" clId="{AC7405EE-24F3-4CAF-A3E1-44800630687E}" dt="2024-08-22T14:13:41.420" v="2059" actId="47"/>
      <pc:docMkLst>
        <pc:docMk/>
      </pc:docMkLst>
      <pc:sldChg chg="del">
        <pc:chgData name="White, Alex" userId="eff6cc8c-37d8-483b-9c6c-6b27e9afa9bc" providerId="ADAL" clId="{AC7405EE-24F3-4CAF-A3E1-44800630687E}" dt="2024-08-21T14:22:32.735" v="0" actId="47"/>
        <pc:sldMkLst>
          <pc:docMk/>
          <pc:sldMk cId="3900785678" sldId="258"/>
        </pc:sldMkLst>
      </pc:sldChg>
      <pc:sldChg chg="del">
        <pc:chgData name="White, Alex" userId="eff6cc8c-37d8-483b-9c6c-6b27e9afa9bc" providerId="ADAL" clId="{AC7405EE-24F3-4CAF-A3E1-44800630687E}" dt="2024-08-22T14:13:41.420" v="2059" actId="47"/>
        <pc:sldMkLst>
          <pc:docMk/>
          <pc:sldMk cId="2911391212" sldId="262"/>
        </pc:sldMkLst>
      </pc:sldChg>
      <pc:sldChg chg="modSp mod">
        <pc:chgData name="White, Alex" userId="eff6cc8c-37d8-483b-9c6c-6b27e9afa9bc" providerId="ADAL" clId="{AC7405EE-24F3-4CAF-A3E1-44800630687E}" dt="2024-08-21T14:23:24.547" v="101" actId="20577"/>
        <pc:sldMkLst>
          <pc:docMk/>
          <pc:sldMk cId="3884360641" sldId="266"/>
        </pc:sldMkLst>
        <pc:spChg chg="mod">
          <ac:chgData name="White, Alex" userId="eff6cc8c-37d8-483b-9c6c-6b27e9afa9bc" providerId="ADAL" clId="{AC7405EE-24F3-4CAF-A3E1-44800630687E}" dt="2024-08-21T14:23:24.547" v="101" actId="20577"/>
          <ac:spMkLst>
            <pc:docMk/>
            <pc:sldMk cId="3884360641" sldId="266"/>
            <ac:spMk id="5" creationId="{F669C846-6F4E-35B9-E3EC-8DE27D8A0546}"/>
          </ac:spMkLst>
        </pc:spChg>
      </pc:sldChg>
      <pc:sldChg chg="modSp del mod">
        <pc:chgData name="White, Alex" userId="eff6cc8c-37d8-483b-9c6c-6b27e9afa9bc" providerId="ADAL" clId="{AC7405EE-24F3-4CAF-A3E1-44800630687E}" dt="2024-08-22T14:13:41.420" v="2059" actId="47"/>
        <pc:sldMkLst>
          <pc:docMk/>
          <pc:sldMk cId="1385372771" sldId="267"/>
        </pc:sldMkLst>
        <pc:spChg chg="mod">
          <ac:chgData name="White, Alex" userId="eff6cc8c-37d8-483b-9c6c-6b27e9afa9bc" providerId="ADAL" clId="{AC7405EE-24F3-4CAF-A3E1-44800630687E}" dt="2024-08-22T12:29:43.984" v="404" actId="20577"/>
          <ac:spMkLst>
            <pc:docMk/>
            <pc:sldMk cId="1385372771" sldId="267"/>
            <ac:spMk id="5" creationId="{F669C846-6F4E-35B9-E3EC-8DE27D8A0546}"/>
          </ac:spMkLst>
        </pc:spChg>
      </pc:sldChg>
      <pc:sldChg chg="modSp mod">
        <pc:chgData name="White, Alex" userId="eff6cc8c-37d8-483b-9c6c-6b27e9afa9bc" providerId="ADAL" clId="{AC7405EE-24F3-4CAF-A3E1-44800630687E}" dt="2024-08-22T12:29:37.528" v="394" actId="20577"/>
        <pc:sldMkLst>
          <pc:docMk/>
          <pc:sldMk cId="2373788000" sldId="317"/>
        </pc:sldMkLst>
        <pc:spChg chg="mod">
          <ac:chgData name="White, Alex" userId="eff6cc8c-37d8-483b-9c6c-6b27e9afa9bc" providerId="ADAL" clId="{AC7405EE-24F3-4CAF-A3E1-44800630687E}" dt="2024-08-22T12:29:37.528" v="394" actId="20577"/>
          <ac:spMkLst>
            <pc:docMk/>
            <pc:sldMk cId="2373788000" sldId="317"/>
            <ac:spMk id="5" creationId="{F669C846-6F4E-35B9-E3EC-8DE27D8A0546}"/>
          </ac:spMkLst>
        </pc:spChg>
      </pc:sldChg>
      <pc:sldChg chg="modSp mod">
        <pc:chgData name="White, Alex" userId="eff6cc8c-37d8-483b-9c6c-6b27e9afa9bc" providerId="ADAL" clId="{AC7405EE-24F3-4CAF-A3E1-44800630687E}" dt="2024-08-21T14:24:27.751" v="189" actId="20577"/>
        <pc:sldMkLst>
          <pc:docMk/>
          <pc:sldMk cId="3124630432" sldId="318"/>
        </pc:sldMkLst>
        <pc:spChg chg="mod">
          <ac:chgData name="White, Alex" userId="eff6cc8c-37d8-483b-9c6c-6b27e9afa9bc" providerId="ADAL" clId="{AC7405EE-24F3-4CAF-A3E1-44800630687E}" dt="2024-08-21T14:24:27.751" v="189" actId="20577"/>
          <ac:spMkLst>
            <pc:docMk/>
            <pc:sldMk cId="3124630432" sldId="318"/>
            <ac:spMk id="5" creationId="{F669C846-6F4E-35B9-E3EC-8DE27D8A0546}"/>
          </ac:spMkLst>
        </pc:spChg>
      </pc:sldChg>
      <pc:sldChg chg="modSp mod modNotesTx">
        <pc:chgData name="White, Alex" userId="eff6cc8c-37d8-483b-9c6c-6b27e9afa9bc" providerId="ADAL" clId="{AC7405EE-24F3-4CAF-A3E1-44800630687E}" dt="2024-08-22T12:22:58.373" v="328" actId="20577"/>
        <pc:sldMkLst>
          <pc:docMk/>
          <pc:sldMk cId="261226206" sldId="319"/>
        </pc:sldMkLst>
        <pc:spChg chg="mod">
          <ac:chgData name="White, Alex" userId="eff6cc8c-37d8-483b-9c6c-6b27e9afa9bc" providerId="ADAL" clId="{AC7405EE-24F3-4CAF-A3E1-44800630687E}" dt="2024-08-22T12:22:58.373" v="328" actId="20577"/>
          <ac:spMkLst>
            <pc:docMk/>
            <pc:sldMk cId="261226206" sldId="319"/>
            <ac:spMk id="2" creationId="{39A623D5-7DFB-7C29-FBAD-576A8CAB573D}"/>
          </ac:spMkLst>
        </pc:spChg>
        <pc:spChg chg="mod">
          <ac:chgData name="White, Alex" userId="eff6cc8c-37d8-483b-9c6c-6b27e9afa9bc" providerId="ADAL" clId="{AC7405EE-24F3-4CAF-A3E1-44800630687E}" dt="2024-08-21T14:24:05.735" v="166" actId="20577"/>
          <ac:spMkLst>
            <pc:docMk/>
            <pc:sldMk cId="261226206" sldId="319"/>
            <ac:spMk id="5" creationId="{7E6D8290-F9E1-9B3F-CEB7-600A41E0BB02}"/>
          </ac:spMkLst>
        </pc:spChg>
      </pc:sldChg>
      <pc:sldChg chg="ord">
        <pc:chgData name="White, Alex" userId="eff6cc8c-37d8-483b-9c6c-6b27e9afa9bc" providerId="ADAL" clId="{AC7405EE-24F3-4CAF-A3E1-44800630687E}" dt="2024-08-21T15:48:28.924" v="310"/>
        <pc:sldMkLst>
          <pc:docMk/>
          <pc:sldMk cId="1475012522" sldId="322"/>
        </pc:sldMkLst>
      </pc:sldChg>
      <pc:sldChg chg="modSp mod ord">
        <pc:chgData name="White, Alex" userId="eff6cc8c-37d8-483b-9c6c-6b27e9afa9bc" providerId="ADAL" clId="{AC7405EE-24F3-4CAF-A3E1-44800630687E}" dt="2024-08-22T13:27:44.152" v="738" actId="20577"/>
        <pc:sldMkLst>
          <pc:docMk/>
          <pc:sldMk cId="2875880531" sldId="326"/>
        </pc:sldMkLst>
        <pc:spChg chg="mod">
          <ac:chgData name="White, Alex" userId="eff6cc8c-37d8-483b-9c6c-6b27e9afa9bc" providerId="ADAL" clId="{AC7405EE-24F3-4CAF-A3E1-44800630687E}" dt="2024-08-22T13:27:44.152" v="738" actId="20577"/>
          <ac:spMkLst>
            <pc:docMk/>
            <pc:sldMk cId="2875880531" sldId="326"/>
            <ac:spMk id="5" creationId="{7E6D8290-F9E1-9B3F-CEB7-600A41E0BB02}"/>
          </ac:spMkLst>
        </pc:spChg>
      </pc:sldChg>
      <pc:sldChg chg="modSp mod">
        <pc:chgData name="White, Alex" userId="eff6cc8c-37d8-483b-9c6c-6b27e9afa9bc" providerId="ADAL" clId="{AC7405EE-24F3-4CAF-A3E1-44800630687E}" dt="2024-08-22T13:38:11.794" v="1205" actId="114"/>
        <pc:sldMkLst>
          <pc:docMk/>
          <pc:sldMk cId="3579750906" sldId="330"/>
        </pc:sldMkLst>
        <pc:spChg chg="mod">
          <ac:chgData name="White, Alex" userId="eff6cc8c-37d8-483b-9c6c-6b27e9afa9bc" providerId="ADAL" clId="{AC7405EE-24F3-4CAF-A3E1-44800630687E}" dt="2024-08-22T13:38:11.794" v="1205" actId="114"/>
          <ac:spMkLst>
            <pc:docMk/>
            <pc:sldMk cId="3579750906" sldId="330"/>
            <ac:spMk id="5" creationId="{7E6D8290-F9E1-9B3F-CEB7-600A41E0BB02}"/>
          </ac:spMkLst>
        </pc:spChg>
      </pc:sldChg>
      <pc:sldChg chg="modSp">
        <pc:chgData name="White, Alex" userId="eff6cc8c-37d8-483b-9c6c-6b27e9afa9bc" providerId="ADAL" clId="{AC7405EE-24F3-4CAF-A3E1-44800630687E}" dt="2024-08-22T13:37:52.829" v="1202" actId="20577"/>
        <pc:sldMkLst>
          <pc:docMk/>
          <pc:sldMk cId="678581320" sldId="332"/>
        </pc:sldMkLst>
        <pc:graphicFrameChg chg="mod">
          <ac:chgData name="White, Alex" userId="eff6cc8c-37d8-483b-9c6c-6b27e9afa9bc" providerId="ADAL" clId="{AC7405EE-24F3-4CAF-A3E1-44800630687E}" dt="2024-08-22T13:37:52.829" v="1202" actId="20577"/>
          <ac:graphicFrameMkLst>
            <pc:docMk/>
            <pc:sldMk cId="678581320" sldId="332"/>
            <ac:graphicFrameMk id="14" creationId="{D8AF8747-7739-CE22-E4C8-91BBAC23B2ED}"/>
          </ac:graphicFrameMkLst>
        </pc:graphicFrameChg>
      </pc:sldChg>
      <pc:sldChg chg="addSp delSp modSp new mod">
        <pc:chgData name="White, Alex" userId="eff6cc8c-37d8-483b-9c6c-6b27e9afa9bc" providerId="ADAL" clId="{AC7405EE-24F3-4CAF-A3E1-44800630687E}" dt="2024-08-22T13:23:42.482" v="708" actId="113"/>
        <pc:sldMkLst>
          <pc:docMk/>
          <pc:sldMk cId="3087783947" sldId="333"/>
        </pc:sldMkLst>
        <pc:spChg chg="mod">
          <ac:chgData name="White, Alex" userId="eff6cc8c-37d8-483b-9c6c-6b27e9afa9bc" providerId="ADAL" clId="{AC7405EE-24F3-4CAF-A3E1-44800630687E}" dt="2024-08-22T13:21:16.005" v="624" actId="20577"/>
          <ac:spMkLst>
            <pc:docMk/>
            <pc:sldMk cId="3087783947" sldId="333"/>
            <ac:spMk id="2" creationId="{90EAF8DE-ADFA-87B3-8980-467761193D09}"/>
          </ac:spMkLst>
        </pc:spChg>
        <pc:spChg chg="add del mod">
          <ac:chgData name="White, Alex" userId="eff6cc8c-37d8-483b-9c6c-6b27e9afa9bc" providerId="ADAL" clId="{AC7405EE-24F3-4CAF-A3E1-44800630687E}" dt="2024-08-22T13:21:23.524" v="625" actId="478"/>
          <ac:spMkLst>
            <pc:docMk/>
            <pc:sldMk cId="3087783947" sldId="333"/>
            <ac:spMk id="3" creationId="{9AFF6354-782A-E9DE-F307-CC594AF5AC66}"/>
          </ac:spMkLst>
        </pc:spChg>
        <pc:spChg chg="del">
          <ac:chgData name="White, Alex" userId="eff6cc8c-37d8-483b-9c6c-6b27e9afa9bc" providerId="ADAL" clId="{AC7405EE-24F3-4CAF-A3E1-44800630687E}" dt="2024-08-21T14:30:49.449" v="195" actId="478"/>
          <ac:spMkLst>
            <pc:docMk/>
            <pc:sldMk cId="3087783947" sldId="333"/>
            <ac:spMk id="3" creationId="{A1BA4D1B-DC7D-9234-124D-2DC96658885C}"/>
          </ac:spMkLst>
        </pc:spChg>
        <pc:spChg chg="add del">
          <ac:chgData name="White, Alex" userId="eff6cc8c-37d8-483b-9c6c-6b27e9afa9bc" providerId="ADAL" clId="{AC7405EE-24F3-4CAF-A3E1-44800630687E}" dt="2024-08-22T13:21:27.009" v="627" actId="478"/>
          <ac:spMkLst>
            <pc:docMk/>
            <pc:sldMk cId="3087783947" sldId="333"/>
            <ac:spMk id="4" creationId="{C148792C-A59A-4609-B97C-824ACC4DF9C6}"/>
          </ac:spMkLst>
        </pc:spChg>
        <pc:spChg chg="add mod">
          <ac:chgData name="White, Alex" userId="eff6cc8c-37d8-483b-9c6c-6b27e9afa9bc" providerId="ADAL" clId="{AC7405EE-24F3-4CAF-A3E1-44800630687E}" dt="2024-08-21T14:50:34.692" v="197" actId="164"/>
          <ac:spMkLst>
            <pc:docMk/>
            <pc:sldMk cId="3087783947" sldId="333"/>
            <ac:spMk id="5" creationId="{C90DDB7A-F480-0769-58FC-B547CF66E479}"/>
          </ac:spMkLst>
        </pc:spChg>
        <pc:spChg chg="add mod">
          <ac:chgData name="White, Alex" userId="eff6cc8c-37d8-483b-9c6c-6b27e9afa9bc" providerId="ADAL" clId="{AC7405EE-24F3-4CAF-A3E1-44800630687E}" dt="2024-08-21T14:50:34.692" v="197" actId="164"/>
          <ac:spMkLst>
            <pc:docMk/>
            <pc:sldMk cId="3087783947" sldId="333"/>
            <ac:spMk id="6" creationId="{46C24043-09C1-4876-2C48-F86A1CD24FB5}"/>
          </ac:spMkLst>
        </pc:spChg>
        <pc:spChg chg="add mod">
          <ac:chgData name="White, Alex" userId="eff6cc8c-37d8-483b-9c6c-6b27e9afa9bc" providerId="ADAL" clId="{AC7405EE-24F3-4CAF-A3E1-44800630687E}" dt="2024-08-21T14:50:34.692" v="197" actId="164"/>
          <ac:spMkLst>
            <pc:docMk/>
            <pc:sldMk cId="3087783947" sldId="333"/>
            <ac:spMk id="7" creationId="{ADCC9010-F804-2DC1-7199-05FF0B37F6B2}"/>
          </ac:spMkLst>
        </pc:spChg>
        <pc:spChg chg="add mod">
          <ac:chgData name="White, Alex" userId="eff6cc8c-37d8-483b-9c6c-6b27e9afa9bc" providerId="ADAL" clId="{AC7405EE-24F3-4CAF-A3E1-44800630687E}" dt="2024-08-21T14:50:34.692" v="197" actId="164"/>
          <ac:spMkLst>
            <pc:docMk/>
            <pc:sldMk cId="3087783947" sldId="333"/>
            <ac:spMk id="8" creationId="{A1B59205-DFBC-1EEE-1287-761DF7A2AA5E}"/>
          </ac:spMkLst>
        </pc:spChg>
        <pc:spChg chg="add mod">
          <ac:chgData name="White, Alex" userId="eff6cc8c-37d8-483b-9c6c-6b27e9afa9bc" providerId="ADAL" clId="{AC7405EE-24F3-4CAF-A3E1-44800630687E}" dt="2024-08-21T14:50:34.692" v="197" actId="164"/>
          <ac:spMkLst>
            <pc:docMk/>
            <pc:sldMk cId="3087783947" sldId="333"/>
            <ac:spMk id="9" creationId="{F340C488-77F8-68BB-392E-B28AAF10B7AB}"/>
          </ac:spMkLst>
        </pc:spChg>
        <pc:spChg chg="add mod">
          <ac:chgData name="White, Alex" userId="eff6cc8c-37d8-483b-9c6c-6b27e9afa9bc" providerId="ADAL" clId="{AC7405EE-24F3-4CAF-A3E1-44800630687E}" dt="2024-08-21T14:50:34.692" v="197" actId="164"/>
          <ac:spMkLst>
            <pc:docMk/>
            <pc:sldMk cId="3087783947" sldId="333"/>
            <ac:spMk id="10" creationId="{204B33AB-57FD-6AE1-1901-3AC363E77540}"/>
          </ac:spMkLst>
        </pc:spChg>
        <pc:spChg chg="add mod">
          <ac:chgData name="White, Alex" userId="eff6cc8c-37d8-483b-9c6c-6b27e9afa9bc" providerId="ADAL" clId="{AC7405EE-24F3-4CAF-A3E1-44800630687E}" dt="2024-08-21T14:50:34.692" v="197" actId="164"/>
          <ac:spMkLst>
            <pc:docMk/>
            <pc:sldMk cId="3087783947" sldId="333"/>
            <ac:spMk id="11" creationId="{9C8C4243-F94E-B520-74FC-AD873F62E357}"/>
          </ac:spMkLst>
        </pc:spChg>
        <pc:spChg chg="add mod">
          <ac:chgData name="White, Alex" userId="eff6cc8c-37d8-483b-9c6c-6b27e9afa9bc" providerId="ADAL" clId="{AC7405EE-24F3-4CAF-A3E1-44800630687E}" dt="2024-08-21T14:50:34.692" v="197" actId="164"/>
          <ac:spMkLst>
            <pc:docMk/>
            <pc:sldMk cId="3087783947" sldId="333"/>
            <ac:spMk id="12" creationId="{1A8D8966-E6C5-BD4C-3558-177B4C4E3EB4}"/>
          </ac:spMkLst>
        </pc:spChg>
        <pc:spChg chg="add mod">
          <ac:chgData name="White, Alex" userId="eff6cc8c-37d8-483b-9c6c-6b27e9afa9bc" providerId="ADAL" clId="{AC7405EE-24F3-4CAF-A3E1-44800630687E}" dt="2024-08-21T14:50:34.692" v="197" actId="164"/>
          <ac:spMkLst>
            <pc:docMk/>
            <pc:sldMk cId="3087783947" sldId="333"/>
            <ac:spMk id="13" creationId="{E9378FC0-3BC1-3CBC-E236-7831E7DE8B61}"/>
          </ac:spMkLst>
        </pc:spChg>
        <pc:spChg chg="add mod">
          <ac:chgData name="White, Alex" userId="eff6cc8c-37d8-483b-9c6c-6b27e9afa9bc" providerId="ADAL" clId="{AC7405EE-24F3-4CAF-A3E1-44800630687E}" dt="2024-08-21T14:50:42.531" v="198" actId="164"/>
          <ac:spMkLst>
            <pc:docMk/>
            <pc:sldMk cId="3087783947" sldId="333"/>
            <ac:spMk id="14" creationId="{29FDB2C2-D8A2-79A7-D75B-F8DA589CEE99}"/>
          </ac:spMkLst>
        </pc:spChg>
        <pc:spChg chg="add mod">
          <ac:chgData name="White, Alex" userId="eff6cc8c-37d8-483b-9c6c-6b27e9afa9bc" providerId="ADAL" clId="{AC7405EE-24F3-4CAF-A3E1-44800630687E}" dt="2024-08-21T14:50:42.531" v="198" actId="164"/>
          <ac:spMkLst>
            <pc:docMk/>
            <pc:sldMk cId="3087783947" sldId="333"/>
            <ac:spMk id="15" creationId="{0D7D3376-8995-DEDC-84EE-E2E2B2477C67}"/>
          </ac:spMkLst>
        </pc:spChg>
        <pc:spChg chg="add mod">
          <ac:chgData name="White, Alex" userId="eff6cc8c-37d8-483b-9c6c-6b27e9afa9bc" providerId="ADAL" clId="{AC7405EE-24F3-4CAF-A3E1-44800630687E}" dt="2024-08-21T14:50:42.531" v="198" actId="164"/>
          <ac:spMkLst>
            <pc:docMk/>
            <pc:sldMk cId="3087783947" sldId="333"/>
            <ac:spMk id="16" creationId="{8983499B-0D7C-C248-88BD-A6911CE3DAE3}"/>
          </ac:spMkLst>
        </pc:spChg>
        <pc:spChg chg="add mod">
          <ac:chgData name="White, Alex" userId="eff6cc8c-37d8-483b-9c6c-6b27e9afa9bc" providerId="ADAL" clId="{AC7405EE-24F3-4CAF-A3E1-44800630687E}" dt="2024-08-21T14:50:42.531" v="198" actId="164"/>
          <ac:spMkLst>
            <pc:docMk/>
            <pc:sldMk cId="3087783947" sldId="333"/>
            <ac:spMk id="17" creationId="{31B99C87-23DD-5457-8B7F-50CF92EC0BE7}"/>
          </ac:spMkLst>
        </pc:spChg>
        <pc:spChg chg="add mod">
          <ac:chgData name="White, Alex" userId="eff6cc8c-37d8-483b-9c6c-6b27e9afa9bc" providerId="ADAL" clId="{AC7405EE-24F3-4CAF-A3E1-44800630687E}" dt="2024-08-21T14:50:42.531" v="198" actId="164"/>
          <ac:spMkLst>
            <pc:docMk/>
            <pc:sldMk cId="3087783947" sldId="333"/>
            <ac:spMk id="18" creationId="{0C7C8177-4470-4A17-E44F-603E307EC85E}"/>
          </ac:spMkLst>
        </pc:spChg>
        <pc:spChg chg="add mod">
          <ac:chgData name="White, Alex" userId="eff6cc8c-37d8-483b-9c6c-6b27e9afa9bc" providerId="ADAL" clId="{AC7405EE-24F3-4CAF-A3E1-44800630687E}" dt="2024-08-21T14:50:42.531" v="198" actId="164"/>
          <ac:spMkLst>
            <pc:docMk/>
            <pc:sldMk cId="3087783947" sldId="333"/>
            <ac:spMk id="19" creationId="{3558276C-4B9D-191A-5A94-45CA6765849C}"/>
          </ac:spMkLst>
        </pc:spChg>
        <pc:spChg chg="add mod">
          <ac:chgData name="White, Alex" userId="eff6cc8c-37d8-483b-9c6c-6b27e9afa9bc" providerId="ADAL" clId="{AC7405EE-24F3-4CAF-A3E1-44800630687E}" dt="2024-08-21T14:50:42.531" v="198" actId="164"/>
          <ac:spMkLst>
            <pc:docMk/>
            <pc:sldMk cId="3087783947" sldId="333"/>
            <ac:spMk id="20" creationId="{F3907EBE-440D-82CF-DBB0-A0E75A24CCC3}"/>
          </ac:spMkLst>
        </pc:spChg>
        <pc:spChg chg="add mod">
          <ac:chgData name="White, Alex" userId="eff6cc8c-37d8-483b-9c6c-6b27e9afa9bc" providerId="ADAL" clId="{AC7405EE-24F3-4CAF-A3E1-44800630687E}" dt="2024-08-22T13:23:42.482" v="708" actId="113"/>
          <ac:spMkLst>
            <pc:docMk/>
            <pc:sldMk cId="3087783947" sldId="333"/>
            <ac:spMk id="24" creationId="{FBBC007F-4940-1E20-4A86-C6532EA4F2D0}"/>
          </ac:spMkLst>
        </pc:spChg>
        <pc:spChg chg="add mod">
          <ac:chgData name="White, Alex" userId="eff6cc8c-37d8-483b-9c6c-6b27e9afa9bc" providerId="ADAL" clId="{AC7405EE-24F3-4CAF-A3E1-44800630687E}" dt="2024-08-21T14:56:57.647" v="256" actId="1076"/>
          <ac:spMkLst>
            <pc:docMk/>
            <pc:sldMk cId="3087783947" sldId="333"/>
            <ac:spMk id="25" creationId="{38EBFAD1-2728-B29F-D7A2-0F22AAE21004}"/>
          </ac:spMkLst>
        </pc:spChg>
        <pc:spChg chg="add mod">
          <ac:chgData name="White, Alex" userId="eff6cc8c-37d8-483b-9c6c-6b27e9afa9bc" providerId="ADAL" clId="{AC7405EE-24F3-4CAF-A3E1-44800630687E}" dt="2024-08-21T17:42:25.368" v="315" actId="164"/>
          <ac:spMkLst>
            <pc:docMk/>
            <pc:sldMk cId="3087783947" sldId="333"/>
            <ac:spMk id="26" creationId="{CB739FD3-3562-0F59-3715-848AD6B32F45}"/>
          </ac:spMkLst>
        </pc:spChg>
        <pc:spChg chg="add mod">
          <ac:chgData name="White, Alex" userId="eff6cc8c-37d8-483b-9c6c-6b27e9afa9bc" providerId="ADAL" clId="{AC7405EE-24F3-4CAF-A3E1-44800630687E}" dt="2024-08-21T17:42:25.368" v="315" actId="164"/>
          <ac:spMkLst>
            <pc:docMk/>
            <pc:sldMk cId="3087783947" sldId="333"/>
            <ac:spMk id="27" creationId="{79ED0575-1208-F0A9-1A31-A250B1115E91}"/>
          </ac:spMkLst>
        </pc:spChg>
        <pc:spChg chg="add mod">
          <ac:chgData name="White, Alex" userId="eff6cc8c-37d8-483b-9c6c-6b27e9afa9bc" providerId="ADAL" clId="{AC7405EE-24F3-4CAF-A3E1-44800630687E}" dt="2024-08-21T17:42:18.100" v="314" actId="571"/>
          <ac:spMkLst>
            <pc:docMk/>
            <pc:sldMk cId="3087783947" sldId="333"/>
            <ac:spMk id="34" creationId="{9D663078-58CF-4E74-62E0-606826F6F8A9}"/>
          </ac:spMkLst>
        </pc:spChg>
        <pc:grpChg chg="add del mod">
          <ac:chgData name="White, Alex" userId="eff6cc8c-37d8-483b-9c6c-6b27e9afa9bc" providerId="ADAL" clId="{AC7405EE-24F3-4CAF-A3E1-44800630687E}" dt="2024-08-22T13:21:31.529" v="628" actId="478"/>
          <ac:grpSpMkLst>
            <pc:docMk/>
            <pc:sldMk cId="3087783947" sldId="333"/>
            <ac:grpSpMk id="21" creationId="{5A2250A5-D1EF-0CB9-4E9B-0FAAAA8C5DC7}"/>
          </ac:grpSpMkLst>
        </pc:grpChg>
        <pc:grpChg chg="add del mod">
          <ac:chgData name="White, Alex" userId="eff6cc8c-37d8-483b-9c6c-6b27e9afa9bc" providerId="ADAL" clId="{AC7405EE-24F3-4CAF-A3E1-44800630687E}" dt="2024-08-22T13:21:31.529" v="628" actId="478"/>
          <ac:grpSpMkLst>
            <pc:docMk/>
            <pc:sldMk cId="3087783947" sldId="333"/>
            <ac:grpSpMk id="22" creationId="{F0A95360-75A3-5FD1-B54E-C54C5BB514A8}"/>
          </ac:grpSpMkLst>
        </pc:grpChg>
        <pc:grpChg chg="add mod">
          <ac:chgData name="White, Alex" userId="eff6cc8c-37d8-483b-9c6c-6b27e9afa9bc" providerId="ADAL" clId="{AC7405EE-24F3-4CAF-A3E1-44800630687E}" dt="2024-08-22T13:21:40.731" v="631" actId="1076"/>
          <ac:grpSpMkLst>
            <pc:docMk/>
            <pc:sldMk cId="3087783947" sldId="333"/>
            <ac:grpSpMk id="35" creationId="{A5A80AA3-DB21-F0B3-B1E3-E32744F78B04}"/>
          </ac:grpSpMkLst>
        </pc:grpChg>
        <pc:graphicFrameChg chg="add del mod modGraphic">
          <ac:chgData name="White, Alex" userId="eff6cc8c-37d8-483b-9c6c-6b27e9afa9bc" providerId="ADAL" clId="{AC7405EE-24F3-4CAF-A3E1-44800630687E}" dt="2024-08-21T14:54:59.780" v="249" actId="478"/>
          <ac:graphicFrameMkLst>
            <pc:docMk/>
            <pc:sldMk cId="3087783947" sldId="333"/>
            <ac:graphicFrameMk id="23" creationId="{3F31BFD6-0247-96EA-A415-F6798C0D119C}"/>
          </ac:graphicFrameMkLst>
        </pc:graphicFrameChg>
        <pc:cxnChg chg="add mod">
          <ac:chgData name="White, Alex" userId="eff6cc8c-37d8-483b-9c6c-6b27e9afa9bc" providerId="ADAL" clId="{AC7405EE-24F3-4CAF-A3E1-44800630687E}" dt="2024-08-21T17:42:25.368" v="315" actId="164"/>
          <ac:cxnSpMkLst>
            <pc:docMk/>
            <pc:sldMk cId="3087783947" sldId="333"/>
            <ac:cxnSpMk id="29" creationId="{6BA7760F-7636-DF38-9347-F32A87340B2A}"/>
          </ac:cxnSpMkLst>
        </pc:cxnChg>
        <pc:cxnChg chg="add mod">
          <ac:chgData name="White, Alex" userId="eff6cc8c-37d8-483b-9c6c-6b27e9afa9bc" providerId="ADAL" clId="{AC7405EE-24F3-4CAF-A3E1-44800630687E}" dt="2024-08-21T17:42:25.368" v="315" actId="164"/>
          <ac:cxnSpMkLst>
            <pc:docMk/>
            <pc:sldMk cId="3087783947" sldId="333"/>
            <ac:cxnSpMk id="31" creationId="{32BEC421-9A1D-91AF-D82F-B5C174167DB7}"/>
          </ac:cxnSpMkLst>
        </pc:cxnChg>
        <pc:cxnChg chg="add del mod">
          <ac:chgData name="White, Alex" userId="eff6cc8c-37d8-483b-9c6c-6b27e9afa9bc" providerId="ADAL" clId="{AC7405EE-24F3-4CAF-A3E1-44800630687E}" dt="2024-08-22T13:21:31.529" v="628" actId="478"/>
          <ac:cxnSpMkLst>
            <pc:docMk/>
            <pc:sldMk cId="3087783947" sldId="333"/>
            <ac:cxnSpMk id="33" creationId="{D885B9B6-EF7A-47EA-8267-D5101CBFC33C}"/>
          </ac:cxnSpMkLst>
        </pc:cxnChg>
      </pc:sldChg>
      <pc:sldChg chg="addSp delSp modSp new mod">
        <pc:chgData name="White, Alex" userId="eff6cc8c-37d8-483b-9c6c-6b27e9afa9bc" providerId="ADAL" clId="{AC7405EE-24F3-4CAF-A3E1-44800630687E}" dt="2024-08-22T13:22:16.665" v="656" actId="1035"/>
        <pc:sldMkLst>
          <pc:docMk/>
          <pc:sldMk cId="2070027483" sldId="334"/>
        </pc:sldMkLst>
        <pc:spChg chg="mod">
          <ac:chgData name="White, Alex" userId="eff6cc8c-37d8-483b-9c6c-6b27e9afa9bc" providerId="ADAL" clId="{AC7405EE-24F3-4CAF-A3E1-44800630687E}" dt="2024-08-22T13:21:05.458" v="612"/>
          <ac:spMkLst>
            <pc:docMk/>
            <pc:sldMk cId="2070027483" sldId="334"/>
            <ac:spMk id="2" creationId="{97524BF9-EC8A-1819-A770-3A755EE123E7}"/>
          </ac:spMkLst>
        </pc:spChg>
        <pc:spChg chg="del">
          <ac:chgData name="White, Alex" userId="eff6cc8c-37d8-483b-9c6c-6b27e9afa9bc" providerId="ADAL" clId="{AC7405EE-24F3-4CAF-A3E1-44800630687E}" dt="2024-08-22T13:13:07.676" v="406" actId="478"/>
          <ac:spMkLst>
            <pc:docMk/>
            <pc:sldMk cId="2070027483" sldId="334"/>
            <ac:spMk id="3" creationId="{4BAF071B-7B28-DED3-71DE-D084F4200214}"/>
          </ac:spMkLst>
        </pc:spChg>
        <pc:spChg chg="mod">
          <ac:chgData name="White, Alex" userId="eff6cc8c-37d8-483b-9c6c-6b27e9afa9bc" providerId="ADAL" clId="{AC7405EE-24F3-4CAF-A3E1-44800630687E}" dt="2024-08-22T13:13:14.480" v="407"/>
          <ac:spMkLst>
            <pc:docMk/>
            <pc:sldMk cId="2070027483" sldId="334"/>
            <ac:spMk id="6" creationId="{0BA443B7-ED22-2FA6-F010-D566061EEC60}"/>
          </ac:spMkLst>
        </pc:spChg>
        <pc:spChg chg="mod">
          <ac:chgData name="White, Alex" userId="eff6cc8c-37d8-483b-9c6c-6b27e9afa9bc" providerId="ADAL" clId="{AC7405EE-24F3-4CAF-A3E1-44800630687E}" dt="2024-08-22T13:13:14.480" v="407"/>
          <ac:spMkLst>
            <pc:docMk/>
            <pc:sldMk cId="2070027483" sldId="334"/>
            <ac:spMk id="7" creationId="{2879BADE-FD08-995E-1E8E-24A7E69A0679}"/>
          </ac:spMkLst>
        </pc:spChg>
        <pc:spChg chg="mod">
          <ac:chgData name="White, Alex" userId="eff6cc8c-37d8-483b-9c6c-6b27e9afa9bc" providerId="ADAL" clId="{AC7405EE-24F3-4CAF-A3E1-44800630687E}" dt="2024-08-22T13:13:14.480" v="407"/>
          <ac:spMkLst>
            <pc:docMk/>
            <pc:sldMk cId="2070027483" sldId="334"/>
            <ac:spMk id="8" creationId="{33B41B87-02A1-DFC0-ED89-400B99D48869}"/>
          </ac:spMkLst>
        </pc:spChg>
        <pc:spChg chg="mod">
          <ac:chgData name="White, Alex" userId="eff6cc8c-37d8-483b-9c6c-6b27e9afa9bc" providerId="ADAL" clId="{AC7405EE-24F3-4CAF-A3E1-44800630687E}" dt="2024-08-22T13:13:14.480" v="407"/>
          <ac:spMkLst>
            <pc:docMk/>
            <pc:sldMk cId="2070027483" sldId="334"/>
            <ac:spMk id="9" creationId="{088740B6-2CC4-1866-253B-1E3E8D1A9E3D}"/>
          </ac:spMkLst>
        </pc:spChg>
        <pc:spChg chg="mod">
          <ac:chgData name="White, Alex" userId="eff6cc8c-37d8-483b-9c6c-6b27e9afa9bc" providerId="ADAL" clId="{AC7405EE-24F3-4CAF-A3E1-44800630687E}" dt="2024-08-22T13:13:14.480" v="407"/>
          <ac:spMkLst>
            <pc:docMk/>
            <pc:sldMk cId="2070027483" sldId="334"/>
            <ac:spMk id="10" creationId="{035A979D-399C-FAFE-E108-339ECAB80B7D}"/>
          </ac:spMkLst>
        </pc:spChg>
        <pc:spChg chg="mod">
          <ac:chgData name="White, Alex" userId="eff6cc8c-37d8-483b-9c6c-6b27e9afa9bc" providerId="ADAL" clId="{AC7405EE-24F3-4CAF-A3E1-44800630687E}" dt="2024-08-22T13:13:14.480" v="407"/>
          <ac:spMkLst>
            <pc:docMk/>
            <pc:sldMk cId="2070027483" sldId="334"/>
            <ac:spMk id="11" creationId="{408E6EF4-079D-2416-C99F-1739554050EF}"/>
          </ac:spMkLst>
        </pc:spChg>
        <pc:spChg chg="mod">
          <ac:chgData name="White, Alex" userId="eff6cc8c-37d8-483b-9c6c-6b27e9afa9bc" providerId="ADAL" clId="{AC7405EE-24F3-4CAF-A3E1-44800630687E}" dt="2024-08-22T13:13:14.480" v="407"/>
          <ac:spMkLst>
            <pc:docMk/>
            <pc:sldMk cId="2070027483" sldId="334"/>
            <ac:spMk id="12" creationId="{C098C212-63A6-FA75-6E80-3AFF20E1976B}"/>
          </ac:spMkLst>
        </pc:spChg>
        <pc:spChg chg="mod">
          <ac:chgData name="White, Alex" userId="eff6cc8c-37d8-483b-9c6c-6b27e9afa9bc" providerId="ADAL" clId="{AC7405EE-24F3-4CAF-A3E1-44800630687E}" dt="2024-08-22T13:13:14.480" v="407"/>
          <ac:spMkLst>
            <pc:docMk/>
            <pc:sldMk cId="2070027483" sldId="334"/>
            <ac:spMk id="13" creationId="{C6706CD8-F965-2FBF-F7C8-FB63A4B67801}"/>
          </ac:spMkLst>
        </pc:spChg>
        <pc:spChg chg="mod">
          <ac:chgData name="White, Alex" userId="eff6cc8c-37d8-483b-9c6c-6b27e9afa9bc" providerId="ADAL" clId="{AC7405EE-24F3-4CAF-A3E1-44800630687E}" dt="2024-08-22T13:13:14.480" v="407"/>
          <ac:spMkLst>
            <pc:docMk/>
            <pc:sldMk cId="2070027483" sldId="334"/>
            <ac:spMk id="14" creationId="{8DC257D1-C987-CC01-02BC-D4C0B9BE082D}"/>
          </ac:spMkLst>
        </pc:spChg>
        <pc:spChg chg="mod">
          <ac:chgData name="White, Alex" userId="eff6cc8c-37d8-483b-9c6c-6b27e9afa9bc" providerId="ADAL" clId="{AC7405EE-24F3-4CAF-A3E1-44800630687E}" dt="2024-08-22T13:13:14.480" v="407"/>
          <ac:spMkLst>
            <pc:docMk/>
            <pc:sldMk cId="2070027483" sldId="334"/>
            <ac:spMk id="16" creationId="{81F8AFBE-5BC0-5B33-AEAF-59900D8B3BFD}"/>
          </ac:spMkLst>
        </pc:spChg>
        <pc:spChg chg="mod">
          <ac:chgData name="White, Alex" userId="eff6cc8c-37d8-483b-9c6c-6b27e9afa9bc" providerId="ADAL" clId="{AC7405EE-24F3-4CAF-A3E1-44800630687E}" dt="2024-08-22T13:13:14.480" v="407"/>
          <ac:spMkLst>
            <pc:docMk/>
            <pc:sldMk cId="2070027483" sldId="334"/>
            <ac:spMk id="17" creationId="{FA026E74-F94F-FE32-F2D6-56A9B8ECD2AC}"/>
          </ac:spMkLst>
        </pc:spChg>
        <pc:spChg chg="mod">
          <ac:chgData name="White, Alex" userId="eff6cc8c-37d8-483b-9c6c-6b27e9afa9bc" providerId="ADAL" clId="{AC7405EE-24F3-4CAF-A3E1-44800630687E}" dt="2024-08-22T13:13:14.480" v="407"/>
          <ac:spMkLst>
            <pc:docMk/>
            <pc:sldMk cId="2070027483" sldId="334"/>
            <ac:spMk id="18" creationId="{CF56D2E9-EEA8-42C2-6A5D-A9426C8C7C17}"/>
          </ac:spMkLst>
        </pc:spChg>
        <pc:spChg chg="mod">
          <ac:chgData name="White, Alex" userId="eff6cc8c-37d8-483b-9c6c-6b27e9afa9bc" providerId="ADAL" clId="{AC7405EE-24F3-4CAF-A3E1-44800630687E}" dt="2024-08-22T13:13:14.480" v="407"/>
          <ac:spMkLst>
            <pc:docMk/>
            <pc:sldMk cId="2070027483" sldId="334"/>
            <ac:spMk id="19" creationId="{5466BBD3-EA31-3271-6D3B-DC54F1C16685}"/>
          </ac:spMkLst>
        </pc:spChg>
        <pc:spChg chg="mod">
          <ac:chgData name="White, Alex" userId="eff6cc8c-37d8-483b-9c6c-6b27e9afa9bc" providerId="ADAL" clId="{AC7405EE-24F3-4CAF-A3E1-44800630687E}" dt="2024-08-22T13:13:14.480" v="407"/>
          <ac:spMkLst>
            <pc:docMk/>
            <pc:sldMk cId="2070027483" sldId="334"/>
            <ac:spMk id="20" creationId="{39C01E7E-F77D-D27A-36B8-0294F60F1925}"/>
          </ac:spMkLst>
        </pc:spChg>
        <pc:spChg chg="mod">
          <ac:chgData name="White, Alex" userId="eff6cc8c-37d8-483b-9c6c-6b27e9afa9bc" providerId="ADAL" clId="{AC7405EE-24F3-4CAF-A3E1-44800630687E}" dt="2024-08-22T13:13:14.480" v="407"/>
          <ac:spMkLst>
            <pc:docMk/>
            <pc:sldMk cId="2070027483" sldId="334"/>
            <ac:spMk id="21" creationId="{D2A29847-EE5C-8C69-35E5-E26EF6F86E6D}"/>
          </ac:spMkLst>
        </pc:spChg>
        <pc:spChg chg="mod">
          <ac:chgData name="White, Alex" userId="eff6cc8c-37d8-483b-9c6c-6b27e9afa9bc" providerId="ADAL" clId="{AC7405EE-24F3-4CAF-A3E1-44800630687E}" dt="2024-08-22T13:13:14.480" v="407"/>
          <ac:spMkLst>
            <pc:docMk/>
            <pc:sldMk cId="2070027483" sldId="334"/>
            <ac:spMk id="22" creationId="{6FA096A6-94E1-DFFB-E710-286722A1FC2E}"/>
          </ac:spMkLst>
        </pc:spChg>
        <pc:spChg chg="add mod">
          <ac:chgData name="White, Alex" userId="eff6cc8c-37d8-483b-9c6c-6b27e9afa9bc" providerId="ADAL" clId="{AC7405EE-24F3-4CAF-A3E1-44800630687E}" dt="2024-08-22T13:21:59.107" v="644" actId="1035"/>
          <ac:spMkLst>
            <pc:docMk/>
            <pc:sldMk cId="2070027483" sldId="334"/>
            <ac:spMk id="24" creationId="{0026830A-0B09-18BF-9E6F-80A092B0F597}"/>
          </ac:spMkLst>
        </pc:spChg>
        <pc:spChg chg="del mod">
          <ac:chgData name="White, Alex" userId="eff6cc8c-37d8-483b-9c6c-6b27e9afa9bc" providerId="ADAL" clId="{AC7405EE-24F3-4CAF-A3E1-44800630687E}" dt="2024-08-22T13:19:00.050" v="589" actId="478"/>
          <ac:spMkLst>
            <pc:docMk/>
            <pc:sldMk cId="2070027483" sldId="334"/>
            <ac:spMk id="26" creationId="{919B4550-26CC-D675-F5F2-451362BC9482}"/>
          </ac:spMkLst>
        </pc:spChg>
        <pc:spChg chg="mod">
          <ac:chgData name="White, Alex" userId="eff6cc8c-37d8-483b-9c6c-6b27e9afa9bc" providerId="ADAL" clId="{AC7405EE-24F3-4CAF-A3E1-44800630687E}" dt="2024-08-22T13:19:46.107" v="597" actId="14100"/>
          <ac:spMkLst>
            <pc:docMk/>
            <pc:sldMk cId="2070027483" sldId="334"/>
            <ac:spMk id="27" creationId="{5E00A30A-B201-18FE-A877-1F5B6E0D7CFE}"/>
          </ac:spMkLst>
        </pc:spChg>
        <pc:spChg chg="mod">
          <ac:chgData name="White, Alex" userId="eff6cc8c-37d8-483b-9c6c-6b27e9afa9bc" providerId="ADAL" clId="{AC7405EE-24F3-4CAF-A3E1-44800630687E}" dt="2024-08-22T13:13:53.607" v="412"/>
          <ac:spMkLst>
            <pc:docMk/>
            <pc:sldMk cId="2070027483" sldId="334"/>
            <ac:spMk id="28" creationId="{917451F0-E183-BF68-39A9-15A2990E2417}"/>
          </ac:spMkLst>
        </pc:spChg>
        <pc:spChg chg="mod">
          <ac:chgData name="White, Alex" userId="eff6cc8c-37d8-483b-9c6c-6b27e9afa9bc" providerId="ADAL" clId="{AC7405EE-24F3-4CAF-A3E1-44800630687E}" dt="2024-08-22T13:13:53.607" v="412"/>
          <ac:spMkLst>
            <pc:docMk/>
            <pc:sldMk cId="2070027483" sldId="334"/>
            <ac:spMk id="29" creationId="{E5A6DC98-6340-901A-7F12-BA74850CA270}"/>
          </ac:spMkLst>
        </pc:spChg>
        <pc:spChg chg="mod">
          <ac:chgData name="White, Alex" userId="eff6cc8c-37d8-483b-9c6c-6b27e9afa9bc" providerId="ADAL" clId="{AC7405EE-24F3-4CAF-A3E1-44800630687E}" dt="2024-08-22T13:14:40.774" v="442" actId="1076"/>
          <ac:spMkLst>
            <pc:docMk/>
            <pc:sldMk cId="2070027483" sldId="334"/>
            <ac:spMk id="30" creationId="{8A08CE96-8D21-9B50-E735-49662F8492A3}"/>
          </ac:spMkLst>
        </pc:spChg>
        <pc:spChg chg="mod">
          <ac:chgData name="White, Alex" userId="eff6cc8c-37d8-483b-9c6c-6b27e9afa9bc" providerId="ADAL" clId="{AC7405EE-24F3-4CAF-A3E1-44800630687E}" dt="2024-08-22T13:20:10.403" v="607" actId="1076"/>
          <ac:spMkLst>
            <pc:docMk/>
            <pc:sldMk cId="2070027483" sldId="334"/>
            <ac:spMk id="31" creationId="{499C9F00-F37F-F08F-0554-3F36CA28FAF0}"/>
          </ac:spMkLst>
        </pc:spChg>
        <pc:spChg chg="mod">
          <ac:chgData name="White, Alex" userId="eff6cc8c-37d8-483b-9c6c-6b27e9afa9bc" providerId="ADAL" clId="{AC7405EE-24F3-4CAF-A3E1-44800630687E}" dt="2024-08-22T13:19:39.433" v="596" actId="1076"/>
          <ac:spMkLst>
            <pc:docMk/>
            <pc:sldMk cId="2070027483" sldId="334"/>
            <ac:spMk id="32" creationId="{4A6C829D-57A4-54CB-B021-4DC46CB86D88}"/>
          </ac:spMkLst>
        </pc:spChg>
        <pc:spChg chg="mod">
          <ac:chgData name="White, Alex" userId="eff6cc8c-37d8-483b-9c6c-6b27e9afa9bc" providerId="ADAL" clId="{AC7405EE-24F3-4CAF-A3E1-44800630687E}" dt="2024-08-22T13:19:39.433" v="596" actId="1076"/>
          <ac:spMkLst>
            <pc:docMk/>
            <pc:sldMk cId="2070027483" sldId="334"/>
            <ac:spMk id="33" creationId="{FE9F7F58-2528-301A-D5CA-939D63A53527}"/>
          </ac:spMkLst>
        </pc:spChg>
        <pc:spChg chg="del mod">
          <ac:chgData name="White, Alex" userId="eff6cc8c-37d8-483b-9c6c-6b27e9afa9bc" providerId="ADAL" clId="{AC7405EE-24F3-4CAF-A3E1-44800630687E}" dt="2024-08-22T13:19:18.432" v="595" actId="478"/>
          <ac:spMkLst>
            <pc:docMk/>
            <pc:sldMk cId="2070027483" sldId="334"/>
            <ac:spMk id="34" creationId="{03995116-10FB-E56B-3C3C-B036FCA2BD8D}"/>
          </ac:spMkLst>
        </pc:spChg>
        <pc:spChg chg="mod">
          <ac:chgData name="White, Alex" userId="eff6cc8c-37d8-483b-9c6c-6b27e9afa9bc" providerId="ADAL" clId="{AC7405EE-24F3-4CAF-A3E1-44800630687E}" dt="2024-08-22T13:13:53.607" v="412"/>
          <ac:spMkLst>
            <pc:docMk/>
            <pc:sldMk cId="2070027483" sldId="334"/>
            <ac:spMk id="36" creationId="{A27B1C4F-5106-EFE0-EB2D-7C9CE2BDAE5C}"/>
          </ac:spMkLst>
        </pc:spChg>
        <pc:spChg chg="mod">
          <ac:chgData name="White, Alex" userId="eff6cc8c-37d8-483b-9c6c-6b27e9afa9bc" providerId="ADAL" clId="{AC7405EE-24F3-4CAF-A3E1-44800630687E}" dt="2024-08-22T13:13:53.607" v="412"/>
          <ac:spMkLst>
            <pc:docMk/>
            <pc:sldMk cId="2070027483" sldId="334"/>
            <ac:spMk id="37" creationId="{4F865E85-30FE-A9D6-5344-5616DBD04157}"/>
          </ac:spMkLst>
        </pc:spChg>
        <pc:spChg chg="mod">
          <ac:chgData name="White, Alex" userId="eff6cc8c-37d8-483b-9c6c-6b27e9afa9bc" providerId="ADAL" clId="{AC7405EE-24F3-4CAF-A3E1-44800630687E}" dt="2024-08-22T13:13:53.607" v="412"/>
          <ac:spMkLst>
            <pc:docMk/>
            <pc:sldMk cId="2070027483" sldId="334"/>
            <ac:spMk id="38" creationId="{D2EE2460-424E-CC6A-719A-4283D6F8A07A}"/>
          </ac:spMkLst>
        </pc:spChg>
        <pc:spChg chg="mod">
          <ac:chgData name="White, Alex" userId="eff6cc8c-37d8-483b-9c6c-6b27e9afa9bc" providerId="ADAL" clId="{AC7405EE-24F3-4CAF-A3E1-44800630687E}" dt="2024-08-22T13:13:53.607" v="412"/>
          <ac:spMkLst>
            <pc:docMk/>
            <pc:sldMk cId="2070027483" sldId="334"/>
            <ac:spMk id="39" creationId="{A919A237-C275-B9E2-02E3-A52FEA7987B6}"/>
          </ac:spMkLst>
        </pc:spChg>
        <pc:spChg chg="mod">
          <ac:chgData name="White, Alex" userId="eff6cc8c-37d8-483b-9c6c-6b27e9afa9bc" providerId="ADAL" clId="{AC7405EE-24F3-4CAF-A3E1-44800630687E}" dt="2024-08-22T13:13:53.607" v="412"/>
          <ac:spMkLst>
            <pc:docMk/>
            <pc:sldMk cId="2070027483" sldId="334"/>
            <ac:spMk id="40" creationId="{01F38990-CA4B-C9A1-C84C-78E5E17D892E}"/>
          </ac:spMkLst>
        </pc:spChg>
        <pc:spChg chg="mod">
          <ac:chgData name="White, Alex" userId="eff6cc8c-37d8-483b-9c6c-6b27e9afa9bc" providerId="ADAL" clId="{AC7405EE-24F3-4CAF-A3E1-44800630687E}" dt="2024-08-22T13:18:29.100" v="588" actId="14100"/>
          <ac:spMkLst>
            <pc:docMk/>
            <pc:sldMk cId="2070027483" sldId="334"/>
            <ac:spMk id="41" creationId="{06463F2A-0A1B-9D36-8CCD-E84234D4971C}"/>
          </ac:spMkLst>
        </pc:spChg>
        <pc:spChg chg="mod">
          <ac:chgData name="White, Alex" userId="eff6cc8c-37d8-483b-9c6c-6b27e9afa9bc" providerId="ADAL" clId="{AC7405EE-24F3-4CAF-A3E1-44800630687E}" dt="2024-08-22T13:17:58.652" v="569" actId="1076"/>
          <ac:spMkLst>
            <pc:docMk/>
            <pc:sldMk cId="2070027483" sldId="334"/>
            <ac:spMk id="42" creationId="{9D7BF3BF-E0B6-C3DF-7FD1-BAA1BEBB61E2}"/>
          </ac:spMkLst>
        </pc:spChg>
        <pc:spChg chg="add mod">
          <ac:chgData name="White, Alex" userId="eff6cc8c-37d8-483b-9c6c-6b27e9afa9bc" providerId="ADAL" clId="{AC7405EE-24F3-4CAF-A3E1-44800630687E}" dt="2024-08-22T13:22:16.665" v="656" actId="1035"/>
          <ac:spMkLst>
            <pc:docMk/>
            <pc:sldMk cId="2070027483" sldId="334"/>
            <ac:spMk id="44" creationId="{D044EC56-36F4-CA2A-5916-F3420DE84D6B}"/>
          </ac:spMkLst>
        </pc:spChg>
        <pc:spChg chg="add mod">
          <ac:chgData name="White, Alex" userId="eff6cc8c-37d8-483b-9c6c-6b27e9afa9bc" providerId="ADAL" clId="{AC7405EE-24F3-4CAF-A3E1-44800630687E}" dt="2024-08-22T13:22:16.665" v="656" actId="1035"/>
          <ac:spMkLst>
            <pc:docMk/>
            <pc:sldMk cId="2070027483" sldId="334"/>
            <ac:spMk id="45" creationId="{5D7A786C-1FDD-CE0D-F55C-FE00243DCD15}"/>
          </ac:spMkLst>
        </pc:spChg>
        <pc:spChg chg="add mod">
          <ac:chgData name="White, Alex" userId="eff6cc8c-37d8-483b-9c6c-6b27e9afa9bc" providerId="ADAL" clId="{AC7405EE-24F3-4CAF-A3E1-44800630687E}" dt="2024-08-22T13:22:07.694" v="646" actId="1076"/>
          <ac:spMkLst>
            <pc:docMk/>
            <pc:sldMk cId="2070027483" sldId="334"/>
            <ac:spMk id="46" creationId="{93CE3567-3EF8-D89F-1094-0247244D643D}"/>
          </ac:spMkLst>
        </pc:spChg>
        <pc:grpChg chg="add mod">
          <ac:chgData name="White, Alex" userId="eff6cc8c-37d8-483b-9c6c-6b27e9afa9bc" providerId="ADAL" clId="{AC7405EE-24F3-4CAF-A3E1-44800630687E}" dt="2024-08-22T13:21:59.107" v="644" actId="1035"/>
          <ac:grpSpMkLst>
            <pc:docMk/>
            <pc:sldMk cId="2070027483" sldId="334"/>
            <ac:grpSpMk id="5" creationId="{570DB38B-CA48-DFB3-B8DC-22FF08C7F1F0}"/>
          </ac:grpSpMkLst>
        </pc:grpChg>
        <pc:grpChg chg="add mod">
          <ac:chgData name="White, Alex" userId="eff6cc8c-37d8-483b-9c6c-6b27e9afa9bc" providerId="ADAL" clId="{AC7405EE-24F3-4CAF-A3E1-44800630687E}" dt="2024-08-22T13:21:59.107" v="644" actId="1035"/>
          <ac:grpSpMkLst>
            <pc:docMk/>
            <pc:sldMk cId="2070027483" sldId="334"/>
            <ac:grpSpMk id="15" creationId="{4F1E0CF4-4FF7-BAC0-1441-80B1A5B25C34}"/>
          </ac:grpSpMkLst>
        </pc:grpChg>
        <pc:grpChg chg="add mod">
          <ac:chgData name="White, Alex" userId="eff6cc8c-37d8-483b-9c6c-6b27e9afa9bc" providerId="ADAL" clId="{AC7405EE-24F3-4CAF-A3E1-44800630687E}" dt="2024-08-22T13:22:16.665" v="656" actId="1035"/>
          <ac:grpSpMkLst>
            <pc:docMk/>
            <pc:sldMk cId="2070027483" sldId="334"/>
            <ac:grpSpMk id="25" creationId="{6A15803C-42C6-4E5F-32BC-ED1C31412C22}"/>
          </ac:grpSpMkLst>
        </pc:grpChg>
        <pc:grpChg chg="add mod">
          <ac:chgData name="White, Alex" userId="eff6cc8c-37d8-483b-9c6c-6b27e9afa9bc" providerId="ADAL" clId="{AC7405EE-24F3-4CAF-A3E1-44800630687E}" dt="2024-08-22T13:22:16.665" v="656" actId="1035"/>
          <ac:grpSpMkLst>
            <pc:docMk/>
            <pc:sldMk cId="2070027483" sldId="334"/>
            <ac:grpSpMk id="35" creationId="{71F23B23-C28E-2184-02B0-BF8E2BD478C9}"/>
          </ac:grpSpMkLst>
        </pc:grpChg>
        <pc:cxnChg chg="add mod">
          <ac:chgData name="White, Alex" userId="eff6cc8c-37d8-483b-9c6c-6b27e9afa9bc" providerId="ADAL" clId="{AC7405EE-24F3-4CAF-A3E1-44800630687E}" dt="2024-08-22T13:21:59.107" v="644" actId="1035"/>
          <ac:cxnSpMkLst>
            <pc:docMk/>
            <pc:sldMk cId="2070027483" sldId="334"/>
            <ac:cxnSpMk id="23" creationId="{07760CB0-5D86-0C67-90FE-3FE1F29C1D85}"/>
          </ac:cxnSpMkLst>
        </pc:cxnChg>
        <pc:cxnChg chg="add mod">
          <ac:chgData name="White, Alex" userId="eff6cc8c-37d8-483b-9c6c-6b27e9afa9bc" providerId="ADAL" clId="{AC7405EE-24F3-4CAF-A3E1-44800630687E}" dt="2024-08-22T13:22:16.665" v="656" actId="1035"/>
          <ac:cxnSpMkLst>
            <pc:docMk/>
            <pc:sldMk cId="2070027483" sldId="334"/>
            <ac:cxnSpMk id="43" creationId="{34CA3C71-F075-E208-5B56-780D6E0B3548}"/>
          </ac:cxnSpMkLst>
        </pc:cxnChg>
      </pc:sldChg>
      <pc:sldChg chg="addSp modSp new mod">
        <pc:chgData name="White, Alex" userId="eff6cc8c-37d8-483b-9c6c-6b27e9afa9bc" providerId="ADAL" clId="{AC7405EE-24F3-4CAF-A3E1-44800630687E}" dt="2024-08-22T13:34:19.082" v="1164" actId="14100"/>
        <pc:sldMkLst>
          <pc:docMk/>
          <pc:sldMk cId="890096830" sldId="335"/>
        </pc:sldMkLst>
        <pc:spChg chg="mod">
          <ac:chgData name="White, Alex" userId="eff6cc8c-37d8-483b-9c6c-6b27e9afa9bc" providerId="ADAL" clId="{AC7405EE-24F3-4CAF-A3E1-44800630687E}" dt="2024-08-22T13:27:38.490" v="729" actId="20577"/>
          <ac:spMkLst>
            <pc:docMk/>
            <pc:sldMk cId="890096830" sldId="335"/>
            <ac:spMk id="2" creationId="{59AF58DE-F128-FEE3-7105-22E0A87A65F4}"/>
          </ac:spMkLst>
        </pc:spChg>
        <pc:spChg chg="mod">
          <ac:chgData name="White, Alex" userId="eff6cc8c-37d8-483b-9c6c-6b27e9afa9bc" providerId="ADAL" clId="{AC7405EE-24F3-4CAF-A3E1-44800630687E}" dt="2024-08-22T13:34:19.082" v="1164" actId="14100"/>
          <ac:spMkLst>
            <pc:docMk/>
            <pc:sldMk cId="890096830" sldId="335"/>
            <ac:spMk id="3" creationId="{AC35EEE3-1885-1E89-1621-94C522403807}"/>
          </ac:spMkLst>
        </pc:spChg>
        <pc:graphicFrameChg chg="add mod modGraphic">
          <ac:chgData name="White, Alex" userId="eff6cc8c-37d8-483b-9c6c-6b27e9afa9bc" providerId="ADAL" clId="{AC7405EE-24F3-4CAF-A3E1-44800630687E}" dt="2024-08-22T13:34:14.333" v="1163" actId="1076"/>
          <ac:graphicFrameMkLst>
            <pc:docMk/>
            <pc:sldMk cId="890096830" sldId="335"/>
            <ac:graphicFrameMk id="5" creationId="{150F72BB-906C-56DA-106E-9FF5394ECB3E}"/>
          </ac:graphicFrameMkLst>
        </pc:graphicFrameChg>
      </pc:sldChg>
      <pc:sldChg chg="modSp new mod">
        <pc:chgData name="White, Alex" userId="eff6cc8c-37d8-483b-9c6c-6b27e9afa9bc" providerId="ADAL" clId="{AC7405EE-24F3-4CAF-A3E1-44800630687E}" dt="2024-08-22T13:39:06.042" v="1233" actId="20577"/>
        <pc:sldMkLst>
          <pc:docMk/>
          <pc:sldMk cId="625132772" sldId="336"/>
        </pc:sldMkLst>
        <pc:spChg chg="mod">
          <ac:chgData name="White, Alex" userId="eff6cc8c-37d8-483b-9c6c-6b27e9afa9bc" providerId="ADAL" clId="{AC7405EE-24F3-4CAF-A3E1-44800630687E}" dt="2024-08-22T13:39:06.042" v="1233" actId="20577"/>
          <ac:spMkLst>
            <pc:docMk/>
            <pc:sldMk cId="625132772" sldId="336"/>
            <ac:spMk id="4" creationId="{924DFCBD-C88D-ABAC-AF41-3AC83E834C02}"/>
          </ac:spMkLst>
        </pc:spChg>
      </pc:sldChg>
      <pc:sldChg chg="modSp new mod">
        <pc:chgData name="White, Alex" userId="eff6cc8c-37d8-483b-9c6c-6b27e9afa9bc" providerId="ADAL" clId="{AC7405EE-24F3-4CAF-A3E1-44800630687E}" dt="2024-08-22T13:40:25.455" v="1530" actId="20577"/>
        <pc:sldMkLst>
          <pc:docMk/>
          <pc:sldMk cId="78296697" sldId="337"/>
        </pc:sldMkLst>
        <pc:spChg chg="mod">
          <ac:chgData name="White, Alex" userId="eff6cc8c-37d8-483b-9c6c-6b27e9afa9bc" providerId="ADAL" clId="{AC7405EE-24F3-4CAF-A3E1-44800630687E}" dt="2024-08-22T13:39:15.995" v="1235"/>
          <ac:spMkLst>
            <pc:docMk/>
            <pc:sldMk cId="78296697" sldId="337"/>
            <ac:spMk id="2" creationId="{FC412B03-1662-F4EA-0AEA-121D1A9DB738}"/>
          </ac:spMkLst>
        </pc:spChg>
        <pc:spChg chg="mod">
          <ac:chgData name="White, Alex" userId="eff6cc8c-37d8-483b-9c6c-6b27e9afa9bc" providerId="ADAL" clId="{AC7405EE-24F3-4CAF-A3E1-44800630687E}" dt="2024-08-22T13:40:25.455" v="1530" actId="20577"/>
          <ac:spMkLst>
            <pc:docMk/>
            <pc:sldMk cId="78296697" sldId="337"/>
            <ac:spMk id="3" creationId="{878FBF97-36C7-8CEA-4094-3111FA1DD6E1}"/>
          </ac:spMkLst>
        </pc:spChg>
      </pc:sldChg>
      <pc:sldChg chg="addSp delSp modSp new mod">
        <pc:chgData name="White, Alex" userId="eff6cc8c-37d8-483b-9c6c-6b27e9afa9bc" providerId="ADAL" clId="{AC7405EE-24F3-4CAF-A3E1-44800630687E}" dt="2024-08-22T13:48:07.909" v="1731" actId="1076"/>
        <pc:sldMkLst>
          <pc:docMk/>
          <pc:sldMk cId="2850800462" sldId="338"/>
        </pc:sldMkLst>
        <pc:spChg chg="mod">
          <ac:chgData name="White, Alex" userId="eff6cc8c-37d8-483b-9c6c-6b27e9afa9bc" providerId="ADAL" clId="{AC7405EE-24F3-4CAF-A3E1-44800630687E}" dt="2024-08-22T13:43:46.976" v="1551" actId="20577"/>
          <ac:spMkLst>
            <pc:docMk/>
            <pc:sldMk cId="2850800462" sldId="338"/>
            <ac:spMk id="2" creationId="{3DA885E5-4441-29AF-E6E2-3E41B9349969}"/>
          </ac:spMkLst>
        </pc:spChg>
        <pc:spChg chg="mod">
          <ac:chgData name="White, Alex" userId="eff6cc8c-37d8-483b-9c6c-6b27e9afa9bc" providerId="ADAL" clId="{AC7405EE-24F3-4CAF-A3E1-44800630687E}" dt="2024-08-22T13:46:33.283" v="1601" actId="14100"/>
          <ac:spMkLst>
            <pc:docMk/>
            <pc:sldMk cId="2850800462" sldId="338"/>
            <ac:spMk id="3" creationId="{23D53AF4-43E8-CFB5-A9A6-10F1D6DA7316}"/>
          </ac:spMkLst>
        </pc:spChg>
        <pc:graphicFrameChg chg="add del mod modGraphic">
          <ac:chgData name="White, Alex" userId="eff6cc8c-37d8-483b-9c6c-6b27e9afa9bc" providerId="ADAL" clId="{AC7405EE-24F3-4CAF-A3E1-44800630687E}" dt="2024-08-22T13:48:07.909" v="1731" actId="1076"/>
          <ac:graphicFrameMkLst>
            <pc:docMk/>
            <pc:sldMk cId="2850800462" sldId="338"/>
            <ac:graphicFrameMk id="5" creationId="{22DCADA4-7FBF-E3DB-7F6F-705137B2742C}"/>
          </ac:graphicFrameMkLst>
        </pc:graphicFrameChg>
      </pc:sldChg>
      <pc:sldChg chg="addSp delSp modSp new mod">
        <pc:chgData name="White, Alex" userId="eff6cc8c-37d8-483b-9c6c-6b27e9afa9bc" providerId="ADAL" clId="{AC7405EE-24F3-4CAF-A3E1-44800630687E}" dt="2024-08-22T13:50:50.985" v="1817" actId="26606"/>
        <pc:sldMkLst>
          <pc:docMk/>
          <pc:sldMk cId="1408932736" sldId="339"/>
        </pc:sldMkLst>
        <pc:spChg chg="mod">
          <ac:chgData name="White, Alex" userId="eff6cc8c-37d8-483b-9c6c-6b27e9afa9bc" providerId="ADAL" clId="{AC7405EE-24F3-4CAF-A3E1-44800630687E}" dt="2024-08-22T13:50:50.985" v="1817" actId="26606"/>
          <ac:spMkLst>
            <pc:docMk/>
            <pc:sldMk cId="1408932736" sldId="339"/>
            <ac:spMk id="2" creationId="{08E07CBD-BAD4-5E60-02ED-CA5062E41643}"/>
          </ac:spMkLst>
        </pc:spChg>
        <pc:spChg chg="del mod">
          <ac:chgData name="White, Alex" userId="eff6cc8c-37d8-483b-9c6c-6b27e9afa9bc" providerId="ADAL" clId="{AC7405EE-24F3-4CAF-A3E1-44800630687E}" dt="2024-08-22T13:50:50.985" v="1817" actId="26606"/>
          <ac:spMkLst>
            <pc:docMk/>
            <pc:sldMk cId="1408932736" sldId="339"/>
            <ac:spMk id="3" creationId="{5EFEDE67-CD1C-1203-B71E-7F24ADFAB4E8}"/>
          </ac:spMkLst>
        </pc:spChg>
        <pc:spChg chg="mod">
          <ac:chgData name="White, Alex" userId="eff6cc8c-37d8-483b-9c6c-6b27e9afa9bc" providerId="ADAL" clId="{AC7405EE-24F3-4CAF-A3E1-44800630687E}" dt="2024-08-22T13:50:50.985" v="1817" actId="26606"/>
          <ac:spMkLst>
            <pc:docMk/>
            <pc:sldMk cId="1408932736" sldId="339"/>
            <ac:spMk id="4" creationId="{CD130310-A29D-2E20-CD05-1ECE81D93576}"/>
          </ac:spMkLst>
        </pc:spChg>
        <pc:graphicFrameChg chg="add">
          <ac:chgData name="White, Alex" userId="eff6cc8c-37d8-483b-9c6c-6b27e9afa9bc" providerId="ADAL" clId="{AC7405EE-24F3-4CAF-A3E1-44800630687E}" dt="2024-08-22T13:50:50.985" v="1817" actId="26606"/>
          <ac:graphicFrameMkLst>
            <pc:docMk/>
            <pc:sldMk cId="1408932736" sldId="339"/>
            <ac:graphicFrameMk id="6" creationId="{FC6E4BD7-4C3B-E7BA-62B3-2EBC0FF160FA}"/>
          </ac:graphicFrameMkLst>
        </pc:graphicFrameChg>
      </pc:sldChg>
      <pc:sldChg chg="addSp delSp modSp new mod">
        <pc:chgData name="White, Alex" userId="eff6cc8c-37d8-483b-9c6c-6b27e9afa9bc" providerId="ADAL" clId="{AC7405EE-24F3-4CAF-A3E1-44800630687E}" dt="2024-08-22T13:58:55.743" v="1964" actId="22"/>
        <pc:sldMkLst>
          <pc:docMk/>
          <pc:sldMk cId="3602785201" sldId="340"/>
        </pc:sldMkLst>
        <pc:spChg chg="mod">
          <ac:chgData name="White, Alex" userId="eff6cc8c-37d8-483b-9c6c-6b27e9afa9bc" providerId="ADAL" clId="{AC7405EE-24F3-4CAF-A3E1-44800630687E}" dt="2024-08-22T13:53:15.348" v="1821" actId="404"/>
          <ac:spMkLst>
            <pc:docMk/>
            <pc:sldMk cId="3602785201" sldId="340"/>
            <ac:spMk id="2" creationId="{79655CF1-BB37-385C-C98E-6ADF1620F788}"/>
          </ac:spMkLst>
        </pc:spChg>
        <pc:spChg chg="mod">
          <ac:chgData name="White, Alex" userId="eff6cc8c-37d8-483b-9c6c-6b27e9afa9bc" providerId="ADAL" clId="{AC7405EE-24F3-4CAF-A3E1-44800630687E}" dt="2024-08-22T13:58:38.651" v="1959" actId="404"/>
          <ac:spMkLst>
            <pc:docMk/>
            <pc:sldMk cId="3602785201" sldId="340"/>
            <ac:spMk id="3" creationId="{4E2DCB95-F01A-4D73-C268-5E9F7B160FA3}"/>
          </ac:spMkLst>
        </pc:spChg>
        <pc:spChg chg="add">
          <ac:chgData name="White, Alex" userId="eff6cc8c-37d8-483b-9c6c-6b27e9afa9bc" providerId="ADAL" clId="{AC7405EE-24F3-4CAF-A3E1-44800630687E}" dt="2024-08-22T13:53:58.316" v="1885"/>
          <ac:spMkLst>
            <pc:docMk/>
            <pc:sldMk cId="3602785201" sldId="340"/>
            <ac:spMk id="5" creationId="{A8820868-8299-6C5E-9D19-F3EE0FC1F642}"/>
          </ac:spMkLst>
        </pc:spChg>
        <pc:spChg chg="add">
          <ac:chgData name="White, Alex" userId="eff6cc8c-37d8-483b-9c6c-6b27e9afa9bc" providerId="ADAL" clId="{AC7405EE-24F3-4CAF-A3E1-44800630687E}" dt="2024-08-22T13:54:38.745" v="1895"/>
          <ac:spMkLst>
            <pc:docMk/>
            <pc:sldMk cId="3602785201" sldId="340"/>
            <ac:spMk id="6" creationId="{7AE77EB5-6F0D-916B-3EC2-0E2B7E79D5AF}"/>
          </ac:spMkLst>
        </pc:spChg>
        <pc:picChg chg="add mod">
          <ac:chgData name="White, Alex" userId="eff6cc8c-37d8-483b-9c6c-6b27e9afa9bc" providerId="ADAL" clId="{AC7405EE-24F3-4CAF-A3E1-44800630687E}" dt="2024-08-22T13:58:42.836" v="1960" actId="1076"/>
          <ac:picMkLst>
            <pc:docMk/>
            <pc:sldMk cId="3602785201" sldId="340"/>
            <ac:picMk id="8" creationId="{40A806F5-1427-33CD-D230-3953EB52631D}"/>
          </ac:picMkLst>
        </pc:picChg>
        <pc:picChg chg="add mod">
          <ac:chgData name="White, Alex" userId="eff6cc8c-37d8-483b-9c6c-6b27e9afa9bc" providerId="ADAL" clId="{AC7405EE-24F3-4CAF-A3E1-44800630687E}" dt="2024-08-22T13:58:45.900" v="1961" actId="1076"/>
          <ac:picMkLst>
            <pc:docMk/>
            <pc:sldMk cId="3602785201" sldId="340"/>
            <ac:picMk id="10" creationId="{DC3C5BD1-7910-C4AD-4840-1FF86E6FACC9}"/>
          </ac:picMkLst>
        </pc:picChg>
        <pc:picChg chg="add mod">
          <ac:chgData name="White, Alex" userId="eff6cc8c-37d8-483b-9c6c-6b27e9afa9bc" providerId="ADAL" clId="{AC7405EE-24F3-4CAF-A3E1-44800630687E}" dt="2024-08-22T13:58:48.646" v="1962" actId="1076"/>
          <ac:picMkLst>
            <pc:docMk/>
            <pc:sldMk cId="3602785201" sldId="340"/>
            <ac:picMk id="12" creationId="{0338E9E1-9BC1-0AE7-A2E2-030AFD1B0161}"/>
          </ac:picMkLst>
        </pc:picChg>
        <pc:picChg chg="add del">
          <ac:chgData name="White, Alex" userId="eff6cc8c-37d8-483b-9c6c-6b27e9afa9bc" providerId="ADAL" clId="{AC7405EE-24F3-4CAF-A3E1-44800630687E}" dt="2024-08-22T13:58:55.743" v="1964" actId="22"/>
          <ac:picMkLst>
            <pc:docMk/>
            <pc:sldMk cId="3602785201" sldId="340"/>
            <ac:picMk id="14" creationId="{DFBA6BEC-6698-460B-23EF-7E90CE7B6949}"/>
          </ac:picMkLst>
        </pc:picChg>
      </pc:sldChg>
      <pc:sldChg chg="addSp delSp modSp add mod">
        <pc:chgData name="White, Alex" userId="eff6cc8c-37d8-483b-9c6c-6b27e9afa9bc" providerId="ADAL" clId="{AC7405EE-24F3-4CAF-A3E1-44800630687E}" dt="2024-08-22T14:07:07.209" v="2011" actId="1076"/>
        <pc:sldMkLst>
          <pc:docMk/>
          <pc:sldMk cId="2410153868" sldId="341"/>
        </pc:sldMkLst>
        <pc:spChg chg="mod">
          <ac:chgData name="White, Alex" userId="eff6cc8c-37d8-483b-9c6c-6b27e9afa9bc" providerId="ADAL" clId="{AC7405EE-24F3-4CAF-A3E1-44800630687E}" dt="2024-08-22T14:05:15.837" v="2005"/>
          <ac:spMkLst>
            <pc:docMk/>
            <pc:sldMk cId="2410153868" sldId="341"/>
            <ac:spMk id="3" creationId="{4E2DCB95-F01A-4D73-C268-5E9F7B160FA3}"/>
          </ac:spMkLst>
        </pc:spChg>
        <pc:picChg chg="add mod">
          <ac:chgData name="White, Alex" userId="eff6cc8c-37d8-483b-9c6c-6b27e9afa9bc" providerId="ADAL" clId="{AC7405EE-24F3-4CAF-A3E1-44800630687E}" dt="2024-08-22T14:05:34.899" v="2007" actId="1076"/>
          <ac:picMkLst>
            <pc:docMk/>
            <pc:sldMk cId="2410153868" sldId="341"/>
            <ac:picMk id="6" creationId="{B0444C09-5627-E3EA-97CE-AD87F13B9524}"/>
          </ac:picMkLst>
        </pc:picChg>
        <pc:picChg chg="del">
          <ac:chgData name="White, Alex" userId="eff6cc8c-37d8-483b-9c6c-6b27e9afa9bc" providerId="ADAL" clId="{AC7405EE-24F3-4CAF-A3E1-44800630687E}" dt="2024-08-22T13:59:22.891" v="1986" actId="478"/>
          <ac:picMkLst>
            <pc:docMk/>
            <pc:sldMk cId="2410153868" sldId="341"/>
            <ac:picMk id="8" creationId="{40A806F5-1427-33CD-D230-3953EB52631D}"/>
          </ac:picMkLst>
        </pc:picChg>
        <pc:picChg chg="add mod">
          <ac:chgData name="White, Alex" userId="eff6cc8c-37d8-483b-9c6c-6b27e9afa9bc" providerId="ADAL" clId="{AC7405EE-24F3-4CAF-A3E1-44800630687E}" dt="2024-08-22T14:06:46.218" v="2009" actId="1076"/>
          <ac:picMkLst>
            <pc:docMk/>
            <pc:sldMk cId="2410153868" sldId="341"/>
            <ac:picMk id="9" creationId="{FBF01D34-9C60-DF77-5DE9-2849B0F11FD9}"/>
          </ac:picMkLst>
        </pc:picChg>
        <pc:picChg chg="del">
          <ac:chgData name="White, Alex" userId="eff6cc8c-37d8-483b-9c6c-6b27e9afa9bc" providerId="ADAL" clId="{AC7405EE-24F3-4CAF-A3E1-44800630687E}" dt="2024-08-22T13:59:37.892" v="1993" actId="478"/>
          <ac:picMkLst>
            <pc:docMk/>
            <pc:sldMk cId="2410153868" sldId="341"/>
            <ac:picMk id="10" creationId="{DC3C5BD1-7910-C4AD-4840-1FF86E6FACC9}"/>
          </ac:picMkLst>
        </pc:picChg>
        <pc:picChg chg="del">
          <ac:chgData name="White, Alex" userId="eff6cc8c-37d8-483b-9c6c-6b27e9afa9bc" providerId="ADAL" clId="{AC7405EE-24F3-4CAF-A3E1-44800630687E}" dt="2024-08-22T13:59:38.805" v="1994" actId="478"/>
          <ac:picMkLst>
            <pc:docMk/>
            <pc:sldMk cId="2410153868" sldId="341"/>
            <ac:picMk id="12" creationId="{0338E9E1-9BC1-0AE7-A2E2-030AFD1B0161}"/>
          </ac:picMkLst>
        </pc:picChg>
        <pc:picChg chg="add mod">
          <ac:chgData name="White, Alex" userId="eff6cc8c-37d8-483b-9c6c-6b27e9afa9bc" providerId="ADAL" clId="{AC7405EE-24F3-4CAF-A3E1-44800630687E}" dt="2024-08-22T14:07:07.209" v="2011" actId="1076"/>
          <ac:picMkLst>
            <pc:docMk/>
            <pc:sldMk cId="2410153868" sldId="341"/>
            <ac:picMk id="13" creationId="{0C932E59-3DDE-70D2-F027-D7B2C3618CD7}"/>
          </ac:picMkLst>
        </pc:picChg>
      </pc:sldChg>
      <pc:sldChg chg="addSp delSp modSp new mod modClrScheme chgLayout">
        <pc:chgData name="White, Alex" userId="eff6cc8c-37d8-483b-9c6c-6b27e9afa9bc" providerId="ADAL" clId="{AC7405EE-24F3-4CAF-A3E1-44800630687E}" dt="2024-08-22T14:10:06.081" v="2024" actId="478"/>
        <pc:sldMkLst>
          <pc:docMk/>
          <pc:sldMk cId="2818295189" sldId="342"/>
        </pc:sldMkLst>
        <pc:spChg chg="mod">
          <ac:chgData name="White, Alex" userId="eff6cc8c-37d8-483b-9c6c-6b27e9afa9bc" providerId="ADAL" clId="{AC7405EE-24F3-4CAF-A3E1-44800630687E}" dt="2024-08-22T14:10:03.312" v="2023" actId="26606"/>
          <ac:spMkLst>
            <pc:docMk/>
            <pc:sldMk cId="2818295189" sldId="342"/>
            <ac:spMk id="2" creationId="{DB9B3AE4-D7C5-480F-977C-E7EFBEE92025}"/>
          </ac:spMkLst>
        </pc:spChg>
        <pc:spChg chg="del mod">
          <ac:chgData name="White, Alex" userId="eff6cc8c-37d8-483b-9c6c-6b27e9afa9bc" providerId="ADAL" clId="{AC7405EE-24F3-4CAF-A3E1-44800630687E}" dt="2024-08-22T14:10:03.312" v="2023" actId="26606"/>
          <ac:spMkLst>
            <pc:docMk/>
            <pc:sldMk cId="2818295189" sldId="342"/>
            <ac:spMk id="3" creationId="{6FE7EF12-244C-846F-E9D5-EACA458E7C9A}"/>
          </ac:spMkLst>
        </pc:spChg>
        <pc:spChg chg="mod">
          <ac:chgData name="White, Alex" userId="eff6cc8c-37d8-483b-9c6c-6b27e9afa9bc" providerId="ADAL" clId="{AC7405EE-24F3-4CAF-A3E1-44800630687E}" dt="2024-08-22T14:10:03.312" v="2023" actId="26606"/>
          <ac:spMkLst>
            <pc:docMk/>
            <pc:sldMk cId="2818295189" sldId="342"/>
            <ac:spMk id="4" creationId="{6EEAB31A-5324-12A3-3699-E1F377B08112}"/>
          </ac:spMkLst>
        </pc:spChg>
        <pc:spChg chg="add del mod">
          <ac:chgData name="White, Alex" userId="eff6cc8c-37d8-483b-9c6c-6b27e9afa9bc" providerId="ADAL" clId="{AC7405EE-24F3-4CAF-A3E1-44800630687E}" dt="2024-08-22T14:10:06.081" v="2024" actId="478"/>
          <ac:spMkLst>
            <pc:docMk/>
            <pc:sldMk cId="2818295189" sldId="342"/>
            <ac:spMk id="10" creationId="{CCEE53F5-752B-BD21-73C1-C8C8E3EC949B}"/>
          </ac:spMkLst>
        </pc:spChg>
        <pc:graphicFrameChg chg="add mod">
          <ac:chgData name="White, Alex" userId="eff6cc8c-37d8-483b-9c6c-6b27e9afa9bc" providerId="ADAL" clId="{AC7405EE-24F3-4CAF-A3E1-44800630687E}" dt="2024-08-22T14:10:03.312" v="2023" actId="26606"/>
          <ac:graphicFrameMkLst>
            <pc:docMk/>
            <pc:sldMk cId="2818295189" sldId="342"/>
            <ac:graphicFrameMk id="6" creationId="{6810E21C-9564-46FE-DD02-8F7345BB2E60}"/>
          </ac:graphicFrameMkLst>
        </pc:graphicFrameChg>
      </pc:sldChg>
      <pc:sldChg chg="addSp delSp modSp new mod modClrScheme chgLayout">
        <pc:chgData name="White, Alex" userId="eff6cc8c-37d8-483b-9c6c-6b27e9afa9bc" providerId="ADAL" clId="{AC7405EE-24F3-4CAF-A3E1-44800630687E}" dt="2024-08-22T14:11:36.691" v="2058" actId="478"/>
        <pc:sldMkLst>
          <pc:docMk/>
          <pc:sldMk cId="3333776210" sldId="343"/>
        </pc:sldMkLst>
        <pc:spChg chg="mod">
          <ac:chgData name="White, Alex" userId="eff6cc8c-37d8-483b-9c6c-6b27e9afa9bc" providerId="ADAL" clId="{AC7405EE-24F3-4CAF-A3E1-44800630687E}" dt="2024-08-22T14:11:31.703" v="2057" actId="26606"/>
          <ac:spMkLst>
            <pc:docMk/>
            <pc:sldMk cId="3333776210" sldId="343"/>
            <ac:spMk id="2" creationId="{1551A7B3-A656-9D0D-1256-B813D3521E9A}"/>
          </ac:spMkLst>
        </pc:spChg>
        <pc:spChg chg="add del mod">
          <ac:chgData name="White, Alex" userId="eff6cc8c-37d8-483b-9c6c-6b27e9afa9bc" providerId="ADAL" clId="{AC7405EE-24F3-4CAF-A3E1-44800630687E}" dt="2024-08-22T14:11:31.703" v="2057" actId="26606"/>
          <ac:spMkLst>
            <pc:docMk/>
            <pc:sldMk cId="3333776210" sldId="343"/>
            <ac:spMk id="3" creationId="{F79D267D-C0F9-D7CD-6B14-B94AF9BC6BF5}"/>
          </ac:spMkLst>
        </pc:spChg>
        <pc:spChg chg="mod">
          <ac:chgData name="White, Alex" userId="eff6cc8c-37d8-483b-9c6c-6b27e9afa9bc" providerId="ADAL" clId="{AC7405EE-24F3-4CAF-A3E1-44800630687E}" dt="2024-08-22T14:11:31.703" v="2057" actId="26606"/>
          <ac:spMkLst>
            <pc:docMk/>
            <pc:sldMk cId="3333776210" sldId="343"/>
            <ac:spMk id="4" creationId="{D0DFBA5F-82FC-4591-CE97-663DB569DD77}"/>
          </ac:spMkLst>
        </pc:spChg>
        <pc:spChg chg="add mod">
          <ac:chgData name="White, Alex" userId="eff6cc8c-37d8-483b-9c6c-6b27e9afa9bc" providerId="ADAL" clId="{AC7405EE-24F3-4CAF-A3E1-44800630687E}" dt="2024-08-22T14:10:40.250" v="2028"/>
          <ac:spMkLst>
            <pc:docMk/>
            <pc:sldMk cId="3333776210" sldId="343"/>
            <ac:spMk id="5" creationId="{38E81665-8ED7-17D5-FADB-FBA38D4F3AE8}"/>
          </ac:spMkLst>
        </pc:spChg>
        <pc:spChg chg="add mod">
          <ac:chgData name="White, Alex" userId="eff6cc8c-37d8-483b-9c6c-6b27e9afa9bc" providerId="ADAL" clId="{AC7405EE-24F3-4CAF-A3E1-44800630687E}" dt="2024-08-22T14:10:43.771" v="2030"/>
          <ac:spMkLst>
            <pc:docMk/>
            <pc:sldMk cId="3333776210" sldId="343"/>
            <ac:spMk id="6" creationId="{D49CFA26-A2D7-9167-6C2F-E2FF3FFF7CA3}"/>
          </ac:spMkLst>
        </pc:spChg>
        <pc:spChg chg="add del mod">
          <ac:chgData name="White, Alex" userId="eff6cc8c-37d8-483b-9c6c-6b27e9afa9bc" providerId="ADAL" clId="{AC7405EE-24F3-4CAF-A3E1-44800630687E}" dt="2024-08-22T14:11:36.691" v="2058" actId="478"/>
          <ac:spMkLst>
            <pc:docMk/>
            <pc:sldMk cId="3333776210" sldId="343"/>
            <ac:spMk id="10" creationId="{736CE1B4-0D02-419B-EB5C-4842B3FECA35}"/>
          </ac:spMkLst>
        </pc:spChg>
        <pc:graphicFrameChg chg="add mod">
          <ac:chgData name="White, Alex" userId="eff6cc8c-37d8-483b-9c6c-6b27e9afa9bc" providerId="ADAL" clId="{AC7405EE-24F3-4CAF-A3E1-44800630687E}" dt="2024-08-22T14:11:31.703" v="2057" actId="26606"/>
          <ac:graphicFrameMkLst>
            <pc:docMk/>
            <pc:sldMk cId="3333776210" sldId="343"/>
            <ac:graphicFrameMk id="7" creationId="{9F78E76A-8869-CCEC-8D15-E99A5D66DC3E}"/>
          </ac:graphicFrameMkLst>
        </pc:graphicFrameChg>
      </pc:sldChg>
    </pc:docChg>
  </pc:docChgLst>
</pc:chgInfo>
</file>

<file path=ppt/diagrams/_rels/data4.xml.rels><?xml version="1.0" encoding="UTF-8" standalone="yes"?>
<Relationships xmlns="http://schemas.openxmlformats.org/package/2006/relationships"><Relationship Id="rId8" Type="http://schemas.openxmlformats.org/officeDocument/2006/relationships/image" Target="../media/image29.svg"/><Relationship Id="rId3" Type="http://schemas.openxmlformats.org/officeDocument/2006/relationships/image" Target="../media/image24.png"/><Relationship Id="rId7" Type="http://schemas.openxmlformats.org/officeDocument/2006/relationships/image" Target="../media/image28.png"/><Relationship Id="rId12" Type="http://schemas.openxmlformats.org/officeDocument/2006/relationships/image" Target="../media/image33.svg"/><Relationship Id="rId2" Type="http://schemas.openxmlformats.org/officeDocument/2006/relationships/image" Target="../media/image23.svg"/><Relationship Id="rId1" Type="http://schemas.openxmlformats.org/officeDocument/2006/relationships/image" Target="../media/image22.png"/><Relationship Id="rId6" Type="http://schemas.openxmlformats.org/officeDocument/2006/relationships/image" Target="../media/image27.svg"/><Relationship Id="rId11" Type="http://schemas.openxmlformats.org/officeDocument/2006/relationships/image" Target="../media/image32.png"/><Relationship Id="rId5" Type="http://schemas.openxmlformats.org/officeDocument/2006/relationships/image" Target="../media/image26.png"/><Relationship Id="rId10" Type="http://schemas.openxmlformats.org/officeDocument/2006/relationships/image" Target="../media/image31.svg"/><Relationship Id="rId4" Type="http://schemas.openxmlformats.org/officeDocument/2006/relationships/image" Target="../media/image25.svg"/><Relationship Id="rId9" Type="http://schemas.openxmlformats.org/officeDocument/2006/relationships/image" Target="../media/image30.png"/></Relationships>
</file>

<file path=ppt/diagrams/_rels/data5.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35.svg"/><Relationship Id="rId1" Type="http://schemas.openxmlformats.org/officeDocument/2006/relationships/image" Target="../media/image34.png"/><Relationship Id="rId4" Type="http://schemas.openxmlformats.org/officeDocument/2006/relationships/image" Target="../media/image37.svg"/></Relationships>
</file>

<file path=ppt/diagrams/_rels/data6.xml.rels><?xml version="1.0" encoding="UTF-8" standalone="yes"?>
<Relationships xmlns="http://schemas.openxmlformats.org/package/2006/relationships"><Relationship Id="rId8" Type="http://schemas.openxmlformats.org/officeDocument/2006/relationships/image" Target="../media/image29.svg"/><Relationship Id="rId3" Type="http://schemas.openxmlformats.org/officeDocument/2006/relationships/image" Target="../media/image46.png"/><Relationship Id="rId7" Type="http://schemas.openxmlformats.org/officeDocument/2006/relationships/image" Target="../media/image28.png"/><Relationship Id="rId2" Type="http://schemas.openxmlformats.org/officeDocument/2006/relationships/image" Target="../media/image45.svg"/><Relationship Id="rId1" Type="http://schemas.openxmlformats.org/officeDocument/2006/relationships/image" Target="../media/image44.png"/><Relationship Id="rId6" Type="http://schemas.openxmlformats.org/officeDocument/2006/relationships/image" Target="../media/image49.svg"/><Relationship Id="rId5" Type="http://schemas.openxmlformats.org/officeDocument/2006/relationships/image" Target="../media/image48.png"/><Relationship Id="rId10" Type="http://schemas.openxmlformats.org/officeDocument/2006/relationships/image" Target="../media/image51.svg"/><Relationship Id="rId4" Type="http://schemas.openxmlformats.org/officeDocument/2006/relationships/image" Target="../media/image47.svg"/><Relationship Id="rId9" Type="http://schemas.openxmlformats.org/officeDocument/2006/relationships/image" Target="../media/image50.png"/></Relationships>
</file>

<file path=ppt/diagrams/_rels/drawing4.xml.rels><?xml version="1.0" encoding="UTF-8" standalone="yes"?>
<Relationships xmlns="http://schemas.openxmlformats.org/package/2006/relationships"><Relationship Id="rId8" Type="http://schemas.openxmlformats.org/officeDocument/2006/relationships/image" Target="../media/image29.svg"/><Relationship Id="rId3" Type="http://schemas.openxmlformats.org/officeDocument/2006/relationships/image" Target="../media/image24.png"/><Relationship Id="rId7" Type="http://schemas.openxmlformats.org/officeDocument/2006/relationships/image" Target="../media/image28.png"/><Relationship Id="rId12" Type="http://schemas.openxmlformats.org/officeDocument/2006/relationships/image" Target="../media/image33.svg"/><Relationship Id="rId2" Type="http://schemas.openxmlformats.org/officeDocument/2006/relationships/image" Target="../media/image23.svg"/><Relationship Id="rId1" Type="http://schemas.openxmlformats.org/officeDocument/2006/relationships/image" Target="../media/image22.png"/><Relationship Id="rId6" Type="http://schemas.openxmlformats.org/officeDocument/2006/relationships/image" Target="../media/image27.svg"/><Relationship Id="rId11" Type="http://schemas.openxmlformats.org/officeDocument/2006/relationships/image" Target="../media/image32.png"/><Relationship Id="rId5" Type="http://schemas.openxmlformats.org/officeDocument/2006/relationships/image" Target="../media/image26.png"/><Relationship Id="rId10" Type="http://schemas.openxmlformats.org/officeDocument/2006/relationships/image" Target="../media/image31.svg"/><Relationship Id="rId4" Type="http://schemas.openxmlformats.org/officeDocument/2006/relationships/image" Target="../media/image25.svg"/><Relationship Id="rId9" Type="http://schemas.openxmlformats.org/officeDocument/2006/relationships/image" Target="../media/image30.png"/></Relationships>
</file>

<file path=ppt/diagrams/_rels/drawing5.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35.svg"/><Relationship Id="rId1" Type="http://schemas.openxmlformats.org/officeDocument/2006/relationships/image" Target="../media/image34.png"/><Relationship Id="rId4" Type="http://schemas.openxmlformats.org/officeDocument/2006/relationships/image" Target="../media/image37.svg"/></Relationships>
</file>

<file path=ppt/diagrams/_rels/drawing6.xml.rels><?xml version="1.0" encoding="UTF-8" standalone="yes"?>
<Relationships xmlns="http://schemas.openxmlformats.org/package/2006/relationships"><Relationship Id="rId8" Type="http://schemas.openxmlformats.org/officeDocument/2006/relationships/image" Target="../media/image29.svg"/><Relationship Id="rId3" Type="http://schemas.openxmlformats.org/officeDocument/2006/relationships/image" Target="../media/image46.png"/><Relationship Id="rId7" Type="http://schemas.openxmlformats.org/officeDocument/2006/relationships/image" Target="../media/image28.png"/><Relationship Id="rId2" Type="http://schemas.openxmlformats.org/officeDocument/2006/relationships/image" Target="../media/image45.svg"/><Relationship Id="rId1" Type="http://schemas.openxmlformats.org/officeDocument/2006/relationships/image" Target="../media/image44.png"/><Relationship Id="rId6" Type="http://schemas.openxmlformats.org/officeDocument/2006/relationships/image" Target="../media/image49.svg"/><Relationship Id="rId5" Type="http://schemas.openxmlformats.org/officeDocument/2006/relationships/image" Target="../media/image48.png"/><Relationship Id="rId10" Type="http://schemas.openxmlformats.org/officeDocument/2006/relationships/image" Target="../media/image51.svg"/><Relationship Id="rId4" Type="http://schemas.openxmlformats.org/officeDocument/2006/relationships/image" Target="../media/image47.svg"/><Relationship Id="rId9" Type="http://schemas.openxmlformats.org/officeDocument/2006/relationships/image" Target="../media/image50.pn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DCDBBEE9-6023-4D27-8977-2D2D20930FC5}" type="doc">
      <dgm:prSet loTypeId="urn:microsoft.com/office/officeart/2005/8/layout/list1" loCatId="list" qsTypeId="urn:microsoft.com/office/officeart/2005/8/quickstyle/simple1" qsCatId="simple" csTypeId="urn:microsoft.com/office/officeart/2005/8/colors/accent1_2" csCatId="accent1" phldr="1"/>
      <dgm:spPr/>
      <dgm:t>
        <a:bodyPr/>
        <a:lstStyle/>
        <a:p>
          <a:endParaRPr lang="en-US"/>
        </a:p>
      </dgm:t>
    </dgm:pt>
    <dgm:pt modelId="{0C7C7B5F-B303-402D-8CC9-39A1C9FD14CC}">
      <dgm:prSet/>
      <dgm:spPr/>
      <dgm:t>
        <a:bodyPr/>
        <a:lstStyle/>
        <a:p>
          <a:r>
            <a:rPr lang="en-US" dirty="0"/>
            <a:t>Introduction</a:t>
          </a:r>
        </a:p>
      </dgm:t>
    </dgm:pt>
    <dgm:pt modelId="{0C10DE35-051D-437E-BC0A-ED84B6FC31C5}" type="parTrans" cxnId="{43417A31-7E37-4117-BBDB-BDCD3869CCA6}">
      <dgm:prSet/>
      <dgm:spPr/>
      <dgm:t>
        <a:bodyPr/>
        <a:lstStyle/>
        <a:p>
          <a:endParaRPr lang="en-US"/>
        </a:p>
      </dgm:t>
    </dgm:pt>
    <dgm:pt modelId="{2D646638-602D-456A-A9C0-F695517DD24C}" type="sibTrans" cxnId="{43417A31-7E37-4117-BBDB-BDCD3869CCA6}">
      <dgm:prSet/>
      <dgm:spPr/>
      <dgm:t>
        <a:bodyPr/>
        <a:lstStyle/>
        <a:p>
          <a:endParaRPr lang="en-US"/>
        </a:p>
      </dgm:t>
    </dgm:pt>
    <dgm:pt modelId="{E30D3B2E-09A3-4679-8853-AA749E5D288B}">
      <dgm:prSet/>
      <dgm:spPr/>
      <dgm:t>
        <a:bodyPr/>
        <a:lstStyle/>
        <a:p>
          <a:r>
            <a:rPr lang="en-US" dirty="0"/>
            <a:t>Analytics in Accounting</a:t>
          </a:r>
        </a:p>
      </dgm:t>
    </dgm:pt>
    <dgm:pt modelId="{C9255D4F-F3EF-441A-96B1-2E9CB063D163}" type="parTrans" cxnId="{86C5C24B-BE10-4FB3-A417-1AC62B6DF6C8}">
      <dgm:prSet/>
      <dgm:spPr/>
      <dgm:t>
        <a:bodyPr/>
        <a:lstStyle/>
        <a:p>
          <a:endParaRPr lang="en-US"/>
        </a:p>
      </dgm:t>
    </dgm:pt>
    <dgm:pt modelId="{9DEA5FF5-B92B-4176-ACC1-3DB348BED2F7}" type="sibTrans" cxnId="{86C5C24B-BE10-4FB3-A417-1AC62B6DF6C8}">
      <dgm:prSet/>
      <dgm:spPr/>
      <dgm:t>
        <a:bodyPr/>
        <a:lstStyle/>
        <a:p>
          <a:endParaRPr lang="en-US"/>
        </a:p>
      </dgm:t>
    </dgm:pt>
    <dgm:pt modelId="{2EBC6BFE-A3EC-4D96-8CA6-86FBC3FB369B}">
      <dgm:prSet/>
      <dgm:spPr/>
      <dgm:t>
        <a:bodyPr/>
        <a:lstStyle/>
        <a:p>
          <a:r>
            <a:rPr lang="en-US" dirty="0"/>
            <a:t>The role of statistics &amp; ML in accounting</a:t>
          </a:r>
        </a:p>
      </dgm:t>
    </dgm:pt>
    <dgm:pt modelId="{F7CBD059-C5A6-4AF3-936B-7957F4282F78}" type="parTrans" cxnId="{7D7F92AB-5719-46BF-A4F7-48299AD65E6E}">
      <dgm:prSet/>
      <dgm:spPr/>
      <dgm:t>
        <a:bodyPr/>
        <a:lstStyle/>
        <a:p>
          <a:endParaRPr lang="en-US"/>
        </a:p>
      </dgm:t>
    </dgm:pt>
    <dgm:pt modelId="{6115C0B3-7391-4934-99F7-BBAF960F4B1C}" type="sibTrans" cxnId="{7D7F92AB-5719-46BF-A4F7-48299AD65E6E}">
      <dgm:prSet/>
      <dgm:spPr/>
      <dgm:t>
        <a:bodyPr/>
        <a:lstStyle/>
        <a:p>
          <a:endParaRPr lang="en-US"/>
        </a:p>
      </dgm:t>
    </dgm:pt>
    <dgm:pt modelId="{30CA173E-290D-4544-BEDD-2049CADCDD14}">
      <dgm:prSet/>
      <dgm:spPr/>
      <dgm:t>
        <a:bodyPr/>
        <a:lstStyle/>
        <a:p>
          <a:r>
            <a:rPr lang="en-US" dirty="0"/>
            <a:t>How AI is revolutionizing accounting</a:t>
          </a:r>
        </a:p>
      </dgm:t>
    </dgm:pt>
    <dgm:pt modelId="{172F1C4E-1E04-4923-AFEE-EFEF319827DE}" type="parTrans" cxnId="{26D2F03B-7A9B-46F5-9D44-2B0C41DE60B0}">
      <dgm:prSet/>
      <dgm:spPr/>
      <dgm:t>
        <a:bodyPr/>
        <a:lstStyle/>
        <a:p>
          <a:endParaRPr lang="en-US"/>
        </a:p>
      </dgm:t>
    </dgm:pt>
    <dgm:pt modelId="{1B3422B6-020B-4F8C-9E8E-B86D64C7869C}" type="sibTrans" cxnId="{26D2F03B-7A9B-46F5-9D44-2B0C41DE60B0}">
      <dgm:prSet/>
      <dgm:spPr/>
      <dgm:t>
        <a:bodyPr/>
        <a:lstStyle/>
        <a:p>
          <a:endParaRPr lang="en-US"/>
        </a:p>
      </dgm:t>
    </dgm:pt>
    <dgm:pt modelId="{97D3BDA3-3F89-41B4-8F52-66B5951CA750}">
      <dgm:prSet/>
      <dgm:spPr/>
      <dgm:t>
        <a:bodyPr/>
        <a:lstStyle/>
        <a:p>
          <a:r>
            <a:rPr lang="en-US" dirty="0"/>
            <a:t>Challenges and opportunities</a:t>
          </a:r>
        </a:p>
      </dgm:t>
    </dgm:pt>
    <dgm:pt modelId="{0712F00E-3F49-4350-A92F-9F2F250E0D27}" type="parTrans" cxnId="{2051FBE9-98DF-4BFA-A415-EE4FA0B89133}">
      <dgm:prSet/>
      <dgm:spPr/>
      <dgm:t>
        <a:bodyPr/>
        <a:lstStyle/>
        <a:p>
          <a:endParaRPr lang="en-US"/>
        </a:p>
      </dgm:t>
    </dgm:pt>
    <dgm:pt modelId="{0B1A2D3C-012A-4876-A928-305E4D6734AB}" type="sibTrans" cxnId="{2051FBE9-98DF-4BFA-A415-EE4FA0B89133}">
      <dgm:prSet/>
      <dgm:spPr/>
      <dgm:t>
        <a:bodyPr/>
        <a:lstStyle/>
        <a:p>
          <a:endParaRPr lang="en-US"/>
        </a:p>
      </dgm:t>
    </dgm:pt>
    <dgm:pt modelId="{031CEB0A-A6D3-4E28-8AAF-063F8C8BF3E7}">
      <dgm:prSet/>
      <dgm:spPr/>
      <dgm:t>
        <a:bodyPr/>
        <a:lstStyle/>
        <a:p>
          <a:r>
            <a:rPr lang="en-US" dirty="0"/>
            <a:t>Getting Started</a:t>
          </a:r>
        </a:p>
      </dgm:t>
    </dgm:pt>
    <dgm:pt modelId="{2886F8AC-037E-403F-9C32-8DB717C69023}" type="parTrans" cxnId="{1B436725-FC2C-4515-BD38-4EAE87197A8B}">
      <dgm:prSet/>
      <dgm:spPr/>
      <dgm:t>
        <a:bodyPr/>
        <a:lstStyle/>
        <a:p>
          <a:endParaRPr lang="en-US"/>
        </a:p>
      </dgm:t>
    </dgm:pt>
    <dgm:pt modelId="{63670248-72E9-4E8D-B8AD-FFA82D838DD1}" type="sibTrans" cxnId="{1B436725-FC2C-4515-BD38-4EAE87197A8B}">
      <dgm:prSet/>
      <dgm:spPr/>
      <dgm:t>
        <a:bodyPr/>
        <a:lstStyle/>
        <a:p>
          <a:endParaRPr lang="en-US"/>
        </a:p>
      </dgm:t>
    </dgm:pt>
    <dgm:pt modelId="{A3C8B36D-9001-42F1-973D-7BA9052976A5}">
      <dgm:prSet/>
      <dgm:spPr/>
      <dgm:t>
        <a:bodyPr/>
        <a:lstStyle/>
        <a:p>
          <a:r>
            <a:rPr lang="en-US"/>
            <a:t>Getting Started with Python</a:t>
          </a:r>
        </a:p>
      </dgm:t>
    </dgm:pt>
    <dgm:pt modelId="{4BD17BBB-C0F3-429F-8F01-D8BA60A0BF45}" type="parTrans" cxnId="{F597BF2F-3A5A-4C68-BD2F-988788C5B302}">
      <dgm:prSet/>
      <dgm:spPr/>
      <dgm:t>
        <a:bodyPr/>
        <a:lstStyle/>
        <a:p>
          <a:endParaRPr lang="en-US"/>
        </a:p>
      </dgm:t>
    </dgm:pt>
    <dgm:pt modelId="{0D5CF73E-DD10-4902-9320-CF4F898A6391}" type="sibTrans" cxnId="{F597BF2F-3A5A-4C68-BD2F-988788C5B302}">
      <dgm:prSet/>
      <dgm:spPr/>
      <dgm:t>
        <a:bodyPr/>
        <a:lstStyle/>
        <a:p>
          <a:endParaRPr lang="en-US"/>
        </a:p>
      </dgm:t>
    </dgm:pt>
    <dgm:pt modelId="{61D9E8CE-F33E-4437-A025-A6F69B5AFFBD}">
      <dgm:prSet/>
      <dgm:spPr/>
      <dgm:t>
        <a:bodyPr/>
        <a:lstStyle/>
        <a:p>
          <a:r>
            <a:rPr lang="en-US" dirty="0"/>
            <a:t>Conclusion</a:t>
          </a:r>
        </a:p>
      </dgm:t>
    </dgm:pt>
    <dgm:pt modelId="{9BD7095E-D1CB-47F7-ACBC-FE3FAAE11815}" type="parTrans" cxnId="{25C92F3D-7D07-48AF-9F5D-6FD47E185BCC}">
      <dgm:prSet/>
      <dgm:spPr/>
      <dgm:t>
        <a:bodyPr/>
        <a:lstStyle/>
        <a:p>
          <a:endParaRPr lang="en-US"/>
        </a:p>
      </dgm:t>
    </dgm:pt>
    <dgm:pt modelId="{AC4D8F56-8E33-4FAF-B99A-0805E068FEC8}" type="sibTrans" cxnId="{25C92F3D-7D07-48AF-9F5D-6FD47E185BCC}">
      <dgm:prSet/>
      <dgm:spPr/>
      <dgm:t>
        <a:bodyPr/>
        <a:lstStyle/>
        <a:p>
          <a:endParaRPr lang="en-US"/>
        </a:p>
      </dgm:t>
    </dgm:pt>
    <dgm:pt modelId="{260B7450-51D0-4CC1-904A-A141CE3CE73D}">
      <dgm:prSet/>
      <dgm:spPr/>
      <dgm:t>
        <a:bodyPr/>
        <a:lstStyle/>
        <a:p>
          <a:r>
            <a:rPr lang="en-US" dirty="0"/>
            <a:t>Introduction to Programming</a:t>
          </a:r>
        </a:p>
      </dgm:t>
    </dgm:pt>
    <dgm:pt modelId="{C9F6AD69-5327-49B7-8EB7-A8A0CE42B4CF}" type="parTrans" cxnId="{F2B3D6C8-56EE-439B-B73E-E4708AA6780C}">
      <dgm:prSet/>
      <dgm:spPr/>
      <dgm:t>
        <a:bodyPr/>
        <a:lstStyle/>
        <a:p>
          <a:endParaRPr lang="en-US"/>
        </a:p>
      </dgm:t>
    </dgm:pt>
    <dgm:pt modelId="{68CCD460-076C-47D4-B654-D1FA171E54A0}" type="sibTrans" cxnId="{F2B3D6C8-56EE-439B-B73E-E4708AA6780C}">
      <dgm:prSet/>
      <dgm:spPr/>
      <dgm:t>
        <a:bodyPr/>
        <a:lstStyle/>
        <a:p>
          <a:endParaRPr lang="en-US"/>
        </a:p>
      </dgm:t>
    </dgm:pt>
    <dgm:pt modelId="{3CB7EE56-DF16-45BE-BC48-A8CEC10B6927}" type="pres">
      <dgm:prSet presAssocID="{DCDBBEE9-6023-4D27-8977-2D2D20930FC5}" presName="linear" presStyleCnt="0">
        <dgm:presLayoutVars>
          <dgm:dir/>
          <dgm:animLvl val="lvl"/>
          <dgm:resizeHandles val="exact"/>
        </dgm:presLayoutVars>
      </dgm:prSet>
      <dgm:spPr/>
    </dgm:pt>
    <dgm:pt modelId="{09F8B306-B5CA-4C14-8907-71D11808D7F8}" type="pres">
      <dgm:prSet presAssocID="{0C7C7B5F-B303-402D-8CC9-39A1C9FD14CC}" presName="parentLin" presStyleCnt="0"/>
      <dgm:spPr/>
    </dgm:pt>
    <dgm:pt modelId="{E8D38160-8644-4934-89DB-E33C11BF6882}" type="pres">
      <dgm:prSet presAssocID="{0C7C7B5F-B303-402D-8CC9-39A1C9FD14CC}" presName="parentLeftMargin" presStyleLbl="node1" presStyleIdx="0" presStyleCnt="5"/>
      <dgm:spPr/>
    </dgm:pt>
    <dgm:pt modelId="{6AFA7939-3571-4F26-9734-17CF11931F31}" type="pres">
      <dgm:prSet presAssocID="{0C7C7B5F-B303-402D-8CC9-39A1C9FD14CC}" presName="parentText" presStyleLbl="node1" presStyleIdx="0" presStyleCnt="5">
        <dgm:presLayoutVars>
          <dgm:chMax val="0"/>
          <dgm:bulletEnabled val="1"/>
        </dgm:presLayoutVars>
      </dgm:prSet>
      <dgm:spPr/>
    </dgm:pt>
    <dgm:pt modelId="{09E2AE97-9DD4-4624-ABD2-26498F38447E}" type="pres">
      <dgm:prSet presAssocID="{0C7C7B5F-B303-402D-8CC9-39A1C9FD14CC}" presName="negativeSpace" presStyleCnt="0"/>
      <dgm:spPr/>
    </dgm:pt>
    <dgm:pt modelId="{E0F64989-C22C-493E-820E-9C6263A756D5}" type="pres">
      <dgm:prSet presAssocID="{0C7C7B5F-B303-402D-8CC9-39A1C9FD14CC}" presName="childText" presStyleLbl="conFgAcc1" presStyleIdx="0" presStyleCnt="5">
        <dgm:presLayoutVars>
          <dgm:bulletEnabled val="1"/>
        </dgm:presLayoutVars>
      </dgm:prSet>
      <dgm:spPr/>
    </dgm:pt>
    <dgm:pt modelId="{2B99AB4F-F8A3-45D8-98FC-4CA24E374D6F}" type="pres">
      <dgm:prSet presAssocID="{2D646638-602D-456A-A9C0-F695517DD24C}" presName="spaceBetweenRectangles" presStyleCnt="0"/>
      <dgm:spPr/>
    </dgm:pt>
    <dgm:pt modelId="{BC5B2CFD-F3AF-4ADC-BFFF-4844C709CAAE}" type="pres">
      <dgm:prSet presAssocID="{E30D3B2E-09A3-4679-8853-AA749E5D288B}" presName="parentLin" presStyleCnt="0"/>
      <dgm:spPr/>
    </dgm:pt>
    <dgm:pt modelId="{6CDE5E34-365F-4C40-8935-90288B243CEF}" type="pres">
      <dgm:prSet presAssocID="{E30D3B2E-09A3-4679-8853-AA749E5D288B}" presName="parentLeftMargin" presStyleLbl="node1" presStyleIdx="0" presStyleCnt="5"/>
      <dgm:spPr/>
    </dgm:pt>
    <dgm:pt modelId="{6C5C0248-F64D-4FA5-8528-08B5D8B69E82}" type="pres">
      <dgm:prSet presAssocID="{E30D3B2E-09A3-4679-8853-AA749E5D288B}" presName="parentText" presStyleLbl="node1" presStyleIdx="1" presStyleCnt="5">
        <dgm:presLayoutVars>
          <dgm:chMax val="0"/>
          <dgm:bulletEnabled val="1"/>
        </dgm:presLayoutVars>
      </dgm:prSet>
      <dgm:spPr/>
    </dgm:pt>
    <dgm:pt modelId="{64C79B04-D413-41FA-AB59-A5B7005558ED}" type="pres">
      <dgm:prSet presAssocID="{E30D3B2E-09A3-4679-8853-AA749E5D288B}" presName="negativeSpace" presStyleCnt="0"/>
      <dgm:spPr/>
    </dgm:pt>
    <dgm:pt modelId="{7AD3BC08-D048-4F76-B32A-85199528E641}" type="pres">
      <dgm:prSet presAssocID="{E30D3B2E-09A3-4679-8853-AA749E5D288B}" presName="childText" presStyleLbl="conFgAcc1" presStyleIdx="1" presStyleCnt="5">
        <dgm:presLayoutVars>
          <dgm:bulletEnabled val="1"/>
        </dgm:presLayoutVars>
      </dgm:prSet>
      <dgm:spPr/>
    </dgm:pt>
    <dgm:pt modelId="{2382DCB2-286B-4ED5-9DAB-37950297AED1}" type="pres">
      <dgm:prSet presAssocID="{9DEA5FF5-B92B-4176-ACC1-3DB348BED2F7}" presName="spaceBetweenRectangles" presStyleCnt="0"/>
      <dgm:spPr/>
    </dgm:pt>
    <dgm:pt modelId="{B2B0E911-4CEA-4FE2-8A9D-121FF21C193E}" type="pres">
      <dgm:prSet presAssocID="{260B7450-51D0-4CC1-904A-A141CE3CE73D}" presName="parentLin" presStyleCnt="0"/>
      <dgm:spPr/>
    </dgm:pt>
    <dgm:pt modelId="{6E9DBE23-DC65-4DDA-92BF-DA5841D4F85C}" type="pres">
      <dgm:prSet presAssocID="{260B7450-51D0-4CC1-904A-A141CE3CE73D}" presName="parentLeftMargin" presStyleLbl="node1" presStyleIdx="1" presStyleCnt="5"/>
      <dgm:spPr/>
    </dgm:pt>
    <dgm:pt modelId="{FE4106AA-616E-46B9-AB7D-36535F74FFFA}" type="pres">
      <dgm:prSet presAssocID="{260B7450-51D0-4CC1-904A-A141CE3CE73D}" presName="parentText" presStyleLbl="node1" presStyleIdx="2" presStyleCnt="5">
        <dgm:presLayoutVars>
          <dgm:chMax val="0"/>
          <dgm:bulletEnabled val="1"/>
        </dgm:presLayoutVars>
      </dgm:prSet>
      <dgm:spPr/>
    </dgm:pt>
    <dgm:pt modelId="{7D960096-AA39-4EDD-BE63-3A754F157460}" type="pres">
      <dgm:prSet presAssocID="{260B7450-51D0-4CC1-904A-A141CE3CE73D}" presName="negativeSpace" presStyleCnt="0"/>
      <dgm:spPr/>
    </dgm:pt>
    <dgm:pt modelId="{26BC3683-DBBC-40FB-93CE-A1E81F617738}" type="pres">
      <dgm:prSet presAssocID="{260B7450-51D0-4CC1-904A-A141CE3CE73D}" presName="childText" presStyleLbl="conFgAcc1" presStyleIdx="2" presStyleCnt="5">
        <dgm:presLayoutVars>
          <dgm:bulletEnabled val="1"/>
        </dgm:presLayoutVars>
      </dgm:prSet>
      <dgm:spPr/>
    </dgm:pt>
    <dgm:pt modelId="{787EA8C8-D1E3-4E4E-8F88-21002D026557}" type="pres">
      <dgm:prSet presAssocID="{68CCD460-076C-47D4-B654-D1FA171E54A0}" presName="spaceBetweenRectangles" presStyleCnt="0"/>
      <dgm:spPr/>
    </dgm:pt>
    <dgm:pt modelId="{BD84C1AE-1456-4A96-91EB-3C0B6D27C5FE}" type="pres">
      <dgm:prSet presAssocID="{031CEB0A-A6D3-4E28-8AAF-063F8C8BF3E7}" presName="parentLin" presStyleCnt="0"/>
      <dgm:spPr/>
    </dgm:pt>
    <dgm:pt modelId="{0E80DE2F-1171-4AB8-8409-77BC7FF880F4}" type="pres">
      <dgm:prSet presAssocID="{031CEB0A-A6D3-4E28-8AAF-063F8C8BF3E7}" presName="parentLeftMargin" presStyleLbl="node1" presStyleIdx="2" presStyleCnt="5"/>
      <dgm:spPr/>
    </dgm:pt>
    <dgm:pt modelId="{A96507E9-390F-472E-9204-A87013900818}" type="pres">
      <dgm:prSet presAssocID="{031CEB0A-A6D3-4E28-8AAF-063F8C8BF3E7}" presName="parentText" presStyleLbl="node1" presStyleIdx="3" presStyleCnt="5">
        <dgm:presLayoutVars>
          <dgm:chMax val="0"/>
          <dgm:bulletEnabled val="1"/>
        </dgm:presLayoutVars>
      </dgm:prSet>
      <dgm:spPr/>
    </dgm:pt>
    <dgm:pt modelId="{05CF4D13-7810-4290-A751-62E828D3753F}" type="pres">
      <dgm:prSet presAssocID="{031CEB0A-A6D3-4E28-8AAF-063F8C8BF3E7}" presName="negativeSpace" presStyleCnt="0"/>
      <dgm:spPr/>
    </dgm:pt>
    <dgm:pt modelId="{7553840F-4209-4A62-BC81-B7A766B9F00F}" type="pres">
      <dgm:prSet presAssocID="{031CEB0A-A6D3-4E28-8AAF-063F8C8BF3E7}" presName="childText" presStyleLbl="conFgAcc1" presStyleIdx="3" presStyleCnt="5">
        <dgm:presLayoutVars>
          <dgm:bulletEnabled val="1"/>
        </dgm:presLayoutVars>
      </dgm:prSet>
      <dgm:spPr/>
    </dgm:pt>
    <dgm:pt modelId="{FD6D2DEC-1B07-41E9-B363-E8925FB6A802}" type="pres">
      <dgm:prSet presAssocID="{63670248-72E9-4E8D-B8AD-FFA82D838DD1}" presName="spaceBetweenRectangles" presStyleCnt="0"/>
      <dgm:spPr/>
    </dgm:pt>
    <dgm:pt modelId="{D783FA74-8236-41A1-83AD-1F04F306CEB3}" type="pres">
      <dgm:prSet presAssocID="{61D9E8CE-F33E-4437-A025-A6F69B5AFFBD}" presName="parentLin" presStyleCnt="0"/>
      <dgm:spPr/>
    </dgm:pt>
    <dgm:pt modelId="{075C6844-8139-47BF-BA7E-E34F2B76EE80}" type="pres">
      <dgm:prSet presAssocID="{61D9E8CE-F33E-4437-A025-A6F69B5AFFBD}" presName="parentLeftMargin" presStyleLbl="node1" presStyleIdx="3" presStyleCnt="5"/>
      <dgm:spPr/>
    </dgm:pt>
    <dgm:pt modelId="{A42CDDA3-FF31-4D92-B8AA-486857C8B5C2}" type="pres">
      <dgm:prSet presAssocID="{61D9E8CE-F33E-4437-A025-A6F69B5AFFBD}" presName="parentText" presStyleLbl="node1" presStyleIdx="4" presStyleCnt="5">
        <dgm:presLayoutVars>
          <dgm:chMax val="0"/>
          <dgm:bulletEnabled val="1"/>
        </dgm:presLayoutVars>
      </dgm:prSet>
      <dgm:spPr/>
    </dgm:pt>
    <dgm:pt modelId="{C95B75B8-C83A-4528-B853-CCB3D7928B25}" type="pres">
      <dgm:prSet presAssocID="{61D9E8CE-F33E-4437-A025-A6F69B5AFFBD}" presName="negativeSpace" presStyleCnt="0"/>
      <dgm:spPr/>
    </dgm:pt>
    <dgm:pt modelId="{DAFE7D39-FC55-4F4C-A832-C78EC9D51665}" type="pres">
      <dgm:prSet presAssocID="{61D9E8CE-F33E-4437-A025-A6F69B5AFFBD}" presName="childText" presStyleLbl="conFgAcc1" presStyleIdx="4" presStyleCnt="5">
        <dgm:presLayoutVars>
          <dgm:bulletEnabled val="1"/>
        </dgm:presLayoutVars>
      </dgm:prSet>
      <dgm:spPr/>
    </dgm:pt>
  </dgm:ptLst>
  <dgm:cxnLst>
    <dgm:cxn modelId="{ECE8D81C-D10E-462C-9C77-42D013301B8E}" type="presOf" srcId="{30CA173E-290D-4544-BEDD-2049CADCDD14}" destId="{7AD3BC08-D048-4F76-B32A-85199528E641}" srcOrd="0" destOrd="1" presId="urn:microsoft.com/office/officeart/2005/8/layout/list1"/>
    <dgm:cxn modelId="{1BE0911F-C5D9-49E3-805A-37BF43DA477A}" type="presOf" srcId="{260B7450-51D0-4CC1-904A-A141CE3CE73D}" destId="{6E9DBE23-DC65-4DDA-92BF-DA5841D4F85C}" srcOrd="0" destOrd="0" presId="urn:microsoft.com/office/officeart/2005/8/layout/list1"/>
    <dgm:cxn modelId="{1B436725-FC2C-4515-BD38-4EAE87197A8B}" srcId="{DCDBBEE9-6023-4D27-8977-2D2D20930FC5}" destId="{031CEB0A-A6D3-4E28-8AAF-063F8C8BF3E7}" srcOrd="3" destOrd="0" parTransId="{2886F8AC-037E-403F-9C32-8DB717C69023}" sibTransId="{63670248-72E9-4E8D-B8AD-FFA82D838DD1}"/>
    <dgm:cxn modelId="{B1276C25-5E08-421D-AF9D-46E9AB4F70C6}" type="presOf" srcId="{0C7C7B5F-B303-402D-8CC9-39A1C9FD14CC}" destId="{E8D38160-8644-4934-89DB-E33C11BF6882}" srcOrd="0" destOrd="0" presId="urn:microsoft.com/office/officeart/2005/8/layout/list1"/>
    <dgm:cxn modelId="{A3C4142A-E782-48F2-A9C3-AA3F088A9E2D}" type="presOf" srcId="{E30D3B2E-09A3-4679-8853-AA749E5D288B}" destId="{6CDE5E34-365F-4C40-8935-90288B243CEF}" srcOrd="0" destOrd="0" presId="urn:microsoft.com/office/officeart/2005/8/layout/list1"/>
    <dgm:cxn modelId="{F597BF2F-3A5A-4C68-BD2F-988788C5B302}" srcId="{031CEB0A-A6D3-4E28-8AAF-063F8C8BF3E7}" destId="{A3C8B36D-9001-42F1-973D-7BA9052976A5}" srcOrd="0" destOrd="0" parTransId="{4BD17BBB-C0F3-429F-8F01-D8BA60A0BF45}" sibTransId="{0D5CF73E-DD10-4902-9320-CF4F898A6391}"/>
    <dgm:cxn modelId="{43417A31-7E37-4117-BBDB-BDCD3869CCA6}" srcId="{DCDBBEE9-6023-4D27-8977-2D2D20930FC5}" destId="{0C7C7B5F-B303-402D-8CC9-39A1C9FD14CC}" srcOrd="0" destOrd="0" parTransId="{0C10DE35-051D-437E-BC0A-ED84B6FC31C5}" sibTransId="{2D646638-602D-456A-A9C0-F695517DD24C}"/>
    <dgm:cxn modelId="{26D2F03B-7A9B-46F5-9D44-2B0C41DE60B0}" srcId="{E30D3B2E-09A3-4679-8853-AA749E5D288B}" destId="{30CA173E-290D-4544-BEDD-2049CADCDD14}" srcOrd="1" destOrd="0" parTransId="{172F1C4E-1E04-4923-AFEE-EFEF319827DE}" sibTransId="{1B3422B6-020B-4F8C-9E8E-B86D64C7869C}"/>
    <dgm:cxn modelId="{25C92F3D-7D07-48AF-9F5D-6FD47E185BCC}" srcId="{DCDBBEE9-6023-4D27-8977-2D2D20930FC5}" destId="{61D9E8CE-F33E-4437-A025-A6F69B5AFFBD}" srcOrd="4" destOrd="0" parTransId="{9BD7095E-D1CB-47F7-ACBC-FE3FAAE11815}" sibTransId="{AC4D8F56-8E33-4FAF-B99A-0805E068FEC8}"/>
    <dgm:cxn modelId="{C4F1A844-0D5D-4AB0-ACDC-920E9F427811}" type="presOf" srcId="{2EBC6BFE-A3EC-4D96-8CA6-86FBC3FB369B}" destId="{7AD3BC08-D048-4F76-B32A-85199528E641}" srcOrd="0" destOrd="0" presId="urn:microsoft.com/office/officeart/2005/8/layout/list1"/>
    <dgm:cxn modelId="{97D83E67-7A05-45FF-889D-2FA95A92AF86}" type="presOf" srcId="{031CEB0A-A6D3-4E28-8AAF-063F8C8BF3E7}" destId="{0E80DE2F-1171-4AB8-8409-77BC7FF880F4}" srcOrd="0" destOrd="0" presId="urn:microsoft.com/office/officeart/2005/8/layout/list1"/>
    <dgm:cxn modelId="{FB7EDE67-BB7A-4959-B738-25965053CE0C}" type="presOf" srcId="{DCDBBEE9-6023-4D27-8977-2D2D20930FC5}" destId="{3CB7EE56-DF16-45BE-BC48-A8CEC10B6927}" srcOrd="0" destOrd="0" presId="urn:microsoft.com/office/officeart/2005/8/layout/list1"/>
    <dgm:cxn modelId="{86C5C24B-BE10-4FB3-A417-1AC62B6DF6C8}" srcId="{DCDBBEE9-6023-4D27-8977-2D2D20930FC5}" destId="{E30D3B2E-09A3-4679-8853-AA749E5D288B}" srcOrd="1" destOrd="0" parTransId="{C9255D4F-F3EF-441A-96B1-2E9CB063D163}" sibTransId="{9DEA5FF5-B92B-4176-ACC1-3DB348BED2F7}"/>
    <dgm:cxn modelId="{AB450752-B7A0-4BD1-A65A-07841F6AC233}" type="presOf" srcId="{A3C8B36D-9001-42F1-973D-7BA9052976A5}" destId="{7553840F-4209-4A62-BC81-B7A766B9F00F}" srcOrd="0" destOrd="0" presId="urn:microsoft.com/office/officeart/2005/8/layout/list1"/>
    <dgm:cxn modelId="{A984CEA2-D0C6-4E48-B4EF-6E989378A23B}" type="presOf" srcId="{0C7C7B5F-B303-402D-8CC9-39A1C9FD14CC}" destId="{6AFA7939-3571-4F26-9734-17CF11931F31}" srcOrd="1" destOrd="0" presId="urn:microsoft.com/office/officeart/2005/8/layout/list1"/>
    <dgm:cxn modelId="{7D7F92AB-5719-46BF-A4F7-48299AD65E6E}" srcId="{E30D3B2E-09A3-4679-8853-AA749E5D288B}" destId="{2EBC6BFE-A3EC-4D96-8CA6-86FBC3FB369B}" srcOrd="0" destOrd="0" parTransId="{F7CBD059-C5A6-4AF3-936B-7957F4282F78}" sibTransId="{6115C0B3-7391-4934-99F7-BBAF960F4B1C}"/>
    <dgm:cxn modelId="{BC4FEFAB-39E1-4683-84E1-243BA26B31B2}" type="presOf" srcId="{031CEB0A-A6D3-4E28-8AAF-063F8C8BF3E7}" destId="{A96507E9-390F-472E-9204-A87013900818}" srcOrd="1" destOrd="0" presId="urn:microsoft.com/office/officeart/2005/8/layout/list1"/>
    <dgm:cxn modelId="{849C3BAC-8B0B-44EE-BA02-498D8524ED4C}" type="presOf" srcId="{260B7450-51D0-4CC1-904A-A141CE3CE73D}" destId="{FE4106AA-616E-46B9-AB7D-36535F74FFFA}" srcOrd="1" destOrd="0" presId="urn:microsoft.com/office/officeart/2005/8/layout/list1"/>
    <dgm:cxn modelId="{BF1039B8-032A-4714-AE4F-6EE8B8BFCC2E}" type="presOf" srcId="{97D3BDA3-3F89-41B4-8F52-66B5951CA750}" destId="{7AD3BC08-D048-4F76-B32A-85199528E641}" srcOrd="0" destOrd="2" presId="urn:microsoft.com/office/officeart/2005/8/layout/list1"/>
    <dgm:cxn modelId="{F2B3D6C8-56EE-439B-B73E-E4708AA6780C}" srcId="{DCDBBEE9-6023-4D27-8977-2D2D20930FC5}" destId="{260B7450-51D0-4CC1-904A-A141CE3CE73D}" srcOrd="2" destOrd="0" parTransId="{C9F6AD69-5327-49B7-8EB7-A8A0CE42B4CF}" sibTransId="{68CCD460-076C-47D4-B654-D1FA171E54A0}"/>
    <dgm:cxn modelId="{1A2434CF-6DD7-4359-AEC6-97AE100B8F92}" type="presOf" srcId="{61D9E8CE-F33E-4437-A025-A6F69B5AFFBD}" destId="{075C6844-8139-47BF-BA7E-E34F2B76EE80}" srcOrd="0" destOrd="0" presId="urn:microsoft.com/office/officeart/2005/8/layout/list1"/>
    <dgm:cxn modelId="{2051FBE9-98DF-4BFA-A415-EE4FA0B89133}" srcId="{E30D3B2E-09A3-4679-8853-AA749E5D288B}" destId="{97D3BDA3-3F89-41B4-8F52-66B5951CA750}" srcOrd="2" destOrd="0" parTransId="{0712F00E-3F49-4350-A92F-9F2F250E0D27}" sibTransId="{0B1A2D3C-012A-4876-A928-305E4D6734AB}"/>
    <dgm:cxn modelId="{99E8D1EE-ED87-44F3-BFB8-313747AA94B7}" type="presOf" srcId="{E30D3B2E-09A3-4679-8853-AA749E5D288B}" destId="{6C5C0248-F64D-4FA5-8528-08B5D8B69E82}" srcOrd="1" destOrd="0" presId="urn:microsoft.com/office/officeart/2005/8/layout/list1"/>
    <dgm:cxn modelId="{C6AB1FF5-D53C-4962-9BFD-BFB82D680ADB}" type="presOf" srcId="{61D9E8CE-F33E-4437-A025-A6F69B5AFFBD}" destId="{A42CDDA3-FF31-4D92-B8AA-486857C8B5C2}" srcOrd="1" destOrd="0" presId="urn:microsoft.com/office/officeart/2005/8/layout/list1"/>
    <dgm:cxn modelId="{D8ECDB2C-56BC-433E-B5CD-369471AEEDA8}" type="presParOf" srcId="{3CB7EE56-DF16-45BE-BC48-A8CEC10B6927}" destId="{09F8B306-B5CA-4C14-8907-71D11808D7F8}" srcOrd="0" destOrd="0" presId="urn:microsoft.com/office/officeart/2005/8/layout/list1"/>
    <dgm:cxn modelId="{04BE917B-2867-4777-9D3E-632596AA3EDF}" type="presParOf" srcId="{09F8B306-B5CA-4C14-8907-71D11808D7F8}" destId="{E8D38160-8644-4934-89DB-E33C11BF6882}" srcOrd="0" destOrd="0" presId="urn:microsoft.com/office/officeart/2005/8/layout/list1"/>
    <dgm:cxn modelId="{74007D26-1FA4-44C1-9AEE-9B438EC67C08}" type="presParOf" srcId="{09F8B306-B5CA-4C14-8907-71D11808D7F8}" destId="{6AFA7939-3571-4F26-9734-17CF11931F31}" srcOrd="1" destOrd="0" presId="urn:microsoft.com/office/officeart/2005/8/layout/list1"/>
    <dgm:cxn modelId="{4065AB5C-58DE-42ED-BD2B-C80A91C00AE4}" type="presParOf" srcId="{3CB7EE56-DF16-45BE-BC48-A8CEC10B6927}" destId="{09E2AE97-9DD4-4624-ABD2-26498F38447E}" srcOrd="1" destOrd="0" presId="urn:microsoft.com/office/officeart/2005/8/layout/list1"/>
    <dgm:cxn modelId="{D2E188C0-0F1B-4E3B-8CCC-DC8AD841A8FA}" type="presParOf" srcId="{3CB7EE56-DF16-45BE-BC48-A8CEC10B6927}" destId="{E0F64989-C22C-493E-820E-9C6263A756D5}" srcOrd="2" destOrd="0" presId="urn:microsoft.com/office/officeart/2005/8/layout/list1"/>
    <dgm:cxn modelId="{ED928989-4CDC-411A-9037-06484570F078}" type="presParOf" srcId="{3CB7EE56-DF16-45BE-BC48-A8CEC10B6927}" destId="{2B99AB4F-F8A3-45D8-98FC-4CA24E374D6F}" srcOrd="3" destOrd="0" presId="urn:microsoft.com/office/officeart/2005/8/layout/list1"/>
    <dgm:cxn modelId="{E88F9BAE-6B8A-4277-BF9D-6BBD9175904A}" type="presParOf" srcId="{3CB7EE56-DF16-45BE-BC48-A8CEC10B6927}" destId="{BC5B2CFD-F3AF-4ADC-BFFF-4844C709CAAE}" srcOrd="4" destOrd="0" presId="urn:microsoft.com/office/officeart/2005/8/layout/list1"/>
    <dgm:cxn modelId="{38996533-BE84-48B4-8425-82E4B26F7786}" type="presParOf" srcId="{BC5B2CFD-F3AF-4ADC-BFFF-4844C709CAAE}" destId="{6CDE5E34-365F-4C40-8935-90288B243CEF}" srcOrd="0" destOrd="0" presId="urn:microsoft.com/office/officeart/2005/8/layout/list1"/>
    <dgm:cxn modelId="{AA3594D0-EA0B-4B26-BC9A-F69CCFA6CA92}" type="presParOf" srcId="{BC5B2CFD-F3AF-4ADC-BFFF-4844C709CAAE}" destId="{6C5C0248-F64D-4FA5-8528-08B5D8B69E82}" srcOrd="1" destOrd="0" presId="urn:microsoft.com/office/officeart/2005/8/layout/list1"/>
    <dgm:cxn modelId="{4535A35E-2EEE-4858-88E6-00D8F8622FBB}" type="presParOf" srcId="{3CB7EE56-DF16-45BE-BC48-A8CEC10B6927}" destId="{64C79B04-D413-41FA-AB59-A5B7005558ED}" srcOrd="5" destOrd="0" presId="urn:microsoft.com/office/officeart/2005/8/layout/list1"/>
    <dgm:cxn modelId="{7E393029-0E35-44E8-9022-44E32A64DA74}" type="presParOf" srcId="{3CB7EE56-DF16-45BE-BC48-A8CEC10B6927}" destId="{7AD3BC08-D048-4F76-B32A-85199528E641}" srcOrd="6" destOrd="0" presId="urn:microsoft.com/office/officeart/2005/8/layout/list1"/>
    <dgm:cxn modelId="{6E11343E-9CE5-4EC5-A86F-5429E6109F03}" type="presParOf" srcId="{3CB7EE56-DF16-45BE-BC48-A8CEC10B6927}" destId="{2382DCB2-286B-4ED5-9DAB-37950297AED1}" srcOrd="7" destOrd="0" presId="urn:microsoft.com/office/officeart/2005/8/layout/list1"/>
    <dgm:cxn modelId="{C965EF01-5485-4A16-BD15-B4574083765E}" type="presParOf" srcId="{3CB7EE56-DF16-45BE-BC48-A8CEC10B6927}" destId="{B2B0E911-4CEA-4FE2-8A9D-121FF21C193E}" srcOrd="8" destOrd="0" presId="urn:microsoft.com/office/officeart/2005/8/layout/list1"/>
    <dgm:cxn modelId="{27664656-FFC2-4345-B6A1-7C9DB68E264A}" type="presParOf" srcId="{B2B0E911-4CEA-4FE2-8A9D-121FF21C193E}" destId="{6E9DBE23-DC65-4DDA-92BF-DA5841D4F85C}" srcOrd="0" destOrd="0" presId="urn:microsoft.com/office/officeart/2005/8/layout/list1"/>
    <dgm:cxn modelId="{DA275A19-D6FD-4EC8-B2D7-C90C14ACAC56}" type="presParOf" srcId="{B2B0E911-4CEA-4FE2-8A9D-121FF21C193E}" destId="{FE4106AA-616E-46B9-AB7D-36535F74FFFA}" srcOrd="1" destOrd="0" presId="urn:microsoft.com/office/officeart/2005/8/layout/list1"/>
    <dgm:cxn modelId="{8083C183-A81C-4F79-9A3B-DA58437F6D8A}" type="presParOf" srcId="{3CB7EE56-DF16-45BE-BC48-A8CEC10B6927}" destId="{7D960096-AA39-4EDD-BE63-3A754F157460}" srcOrd="9" destOrd="0" presId="urn:microsoft.com/office/officeart/2005/8/layout/list1"/>
    <dgm:cxn modelId="{E2F6AAC5-FF14-48CA-AB25-49C52071F89D}" type="presParOf" srcId="{3CB7EE56-DF16-45BE-BC48-A8CEC10B6927}" destId="{26BC3683-DBBC-40FB-93CE-A1E81F617738}" srcOrd="10" destOrd="0" presId="urn:microsoft.com/office/officeart/2005/8/layout/list1"/>
    <dgm:cxn modelId="{66E83BBC-5EEF-45F2-88FF-0892BE7FBA4F}" type="presParOf" srcId="{3CB7EE56-DF16-45BE-BC48-A8CEC10B6927}" destId="{787EA8C8-D1E3-4E4E-8F88-21002D026557}" srcOrd="11" destOrd="0" presId="urn:microsoft.com/office/officeart/2005/8/layout/list1"/>
    <dgm:cxn modelId="{684EC0F2-9951-4076-A3DE-2037FE1FCCF0}" type="presParOf" srcId="{3CB7EE56-DF16-45BE-BC48-A8CEC10B6927}" destId="{BD84C1AE-1456-4A96-91EB-3C0B6D27C5FE}" srcOrd="12" destOrd="0" presId="urn:microsoft.com/office/officeart/2005/8/layout/list1"/>
    <dgm:cxn modelId="{3FD35208-EC55-4FE1-A308-A182E7CDEB8B}" type="presParOf" srcId="{BD84C1AE-1456-4A96-91EB-3C0B6D27C5FE}" destId="{0E80DE2F-1171-4AB8-8409-77BC7FF880F4}" srcOrd="0" destOrd="0" presId="urn:microsoft.com/office/officeart/2005/8/layout/list1"/>
    <dgm:cxn modelId="{F1A49B65-D244-4A15-ABCB-B1194EA524E3}" type="presParOf" srcId="{BD84C1AE-1456-4A96-91EB-3C0B6D27C5FE}" destId="{A96507E9-390F-472E-9204-A87013900818}" srcOrd="1" destOrd="0" presId="urn:microsoft.com/office/officeart/2005/8/layout/list1"/>
    <dgm:cxn modelId="{E7C5B2B6-D09C-4229-AACE-8713F3550BFD}" type="presParOf" srcId="{3CB7EE56-DF16-45BE-BC48-A8CEC10B6927}" destId="{05CF4D13-7810-4290-A751-62E828D3753F}" srcOrd="13" destOrd="0" presId="urn:microsoft.com/office/officeart/2005/8/layout/list1"/>
    <dgm:cxn modelId="{4552E1C6-D979-46F5-9215-FDE7AE00CF54}" type="presParOf" srcId="{3CB7EE56-DF16-45BE-BC48-A8CEC10B6927}" destId="{7553840F-4209-4A62-BC81-B7A766B9F00F}" srcOrd="14" destOrd="0" presId="urn:microsoft.com/office/officeart/2005/8/layout/list1"/>
    <dgm:cxn modelId="{5A6D84EB-BF6C-435E-A2C3-B4C27A2270C7}" type="presParOf" srcId="{3CB7EE56-DF16-45BE-BC48-A8CEC10B6927}" destId="{FD6D2DEC-1B07-41E9-B363-E8925FB6A802}" srcOrd="15" destOrd="0" presId="urn:microsoft.com/office/officeart/2005/8/layout/list1"/>
    <dgm:cxn modelId="{0B53DD86-6523-4374-9AB1-A30180A0508A}" type="presParOf" srcId="{3CB7EE56-DF16-45BE-BC48-A8CEC10B6927}" destId="{D783FA74-8236-41A1-83AD-1F04F306CEB3}" srcOrd="16" destOrd="0" presId="urn:microsoft.com/office/officeart/2005/8/layout/list1"/>
    <dgm:cxn modelId="{59E84884-1C16-4846-83E8-02A31128AD98}" type="presParOf" srcId="{D783FA74-8236-41A1-83AD-1F04F306CEB3}" destId="{075C6844-8139-47BF-BA7E-E34F2B76EE80}" srcOrd="0" destOrd="0" presId="urn:microsoft.com/office/officeart/2005/8/layout/list1"/>
    <dgm:cxn modelId="{7BCEFC69-1E8A-45DB-8E24-7079A1DCE04D}" type="presParOf" srcId="{D783FA74-8236-41A1-83AD-1F04F306CEB3}" destId="{A42CDDA3-FF31-4D92-B8AA-486857C8B5C2}" srcOrd="1" destOrd="0" presId="urn:microsoft.com/office/officeart/2005/8/layout/list1"/>
    <dgm:cxn modelId="{2EB05002-BF53-4CD1-96B9-A6570E122947}" type="presParOf" srcId="{3CB7EE56-DF16-45BE-BC48-A8CEC10B6927}" destId="{C95B75B8-C83A-4528-B853-CCB3D7928B25}" srcOrd="17" destOrd="0" presId="urn:microsoft.com/office/officeart/2005/8/layout/list1"/>
    <dgm:cxn modelId="{270075CA-F681-4842-9736-BE1CBCB285A6}" type="presParOf" srcId="{3CB7EE56-DF16-45BE-BC48-A8CEC10B6927}" destId="{DAFE7D39-FC55-4F4C-A832-C78EC9D51665}" srcOrd="18" destOrd="0" presId="urn:microsoft.com/office/officeart/2005/8/layout/list1"/>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93B01A98-E3CA-4400-B633-DDA3028AF2DF}" type="doc">
      <dgm:prSet loTypeId="urn:microsoft.com/office/officeart/2005/8/layout/cycle2" loCatId="cycle" qsTypeId="urn:microsoft.com/office/officeart/2005/8/quickstyle/simple1" qsCatId="simple" csTypeId="urn:microsoft.com/office/officeart/2005/8/colors/accent1_2" csCatId="accent1" phldr="1"/>
      <dgm:spPr/>
      <dgm:t>
        <a:bodyPr/>
        <a:lstStyle/>
        <a:p>
          <a:endParaRPr lang="en-US"/>
        </a:p>
      </dgm:t>
    </dgm:pt>
    <dgm:pt modelId="{DE44C468-6ACC-4E8D-B40F-2D84F3229370}">
      <dgm:prSet phldrT="[Text]"/>
      <dgm:spPr/>
      <dgm:t>
        <a:bodyPr/>
        <a:lstStyle/>
        <a:p>
          <a:r>
            <a:rPr lang="en-US" dirty="0"/>
            <a:t>AI Agent performs task</a:t>
          </a:r>
        </a:p>
      </dgm:t>
    </dgm:pt>
    <dgm:pt modelId="{78A18698-3655-4295-8860-BC9AAAB27F73}" type="parTrans" cxnId="{68B8AFBB-5638-415C-9530-46960182EF81}">
      <dgm:prSet/>
      <dgm:spPr/>
      <dgm:t>
        <a:bodyPr/>
        <a:lstStyle/>
        <a:p>
          <a:endParaRPr lang="en-US"/>
        </a:p>
      </dgm:t>
    </dgm:pt>
    <dgm:pt modelId="{AD5F7FEA-6599-4263-987C-857A4001E4ED}" type="sibTrans" cxnId="{68B8AFBB-5638-415C-9530-46960182EF81}">
      <dgm:prSet/>
      <dgm:spPr/>
      <dgm:t>
        <a:bodyPr/>
        <a:lstStyle/>
        <a:p>
          <a:endParaRPr lang="en-US"/>
        </a:p>
      </dgm:t>
    </dgm:pt>
    <dgm:pt modelId="{5D834534-445A-49F0-ADDA-4FC7716C38E1}">
      <dgm:prSet phldrT="[Text]"/>
      <dgm:spPr/>
      <dgm:t>
        <a:bodyPr/>
        <a:lstStyle/>
        <a:p>
          <a:r>
            <a:rPr lang="en-US" dirty="0"/>
            <a:t>Human review/adjusts/ confirms</a:t>
          </a:r>
        </a:p>
      </dgm:t>
    </dgm:pt>
    <dgm:pt modelId="{AB89BBE4-428B-4907-A1C6-AA8CF4A5138B}" type="parTrans" cxnId="{79F6B1A6-57F2-43EE-894C-8143888FC9B3}">
      <dgm:prSet/>
      <dgm:spPr/>
      <dgm:t>
        <a:bodyPr/>
        <a:lstStyle/>
        <a:p>
          <a:endParaRPr lang="en-US"/>
        </a:p>
      </dgm:t>
    </dgm:pt>
    <dgm:pt modelId="{3BA3F7E9-48F6-4E64-95E2-8B50758179FA}" type="sibTrans" cxnId="{79F6B1A6-57F2-43EE-894C-8143888FC9B3}">
      <dgm:prSet/>
      <dgm:spPr/>
      <dgm:t>
        <a:bodyPr/>
        <a:lstStyle/>
        <a:p>
          <a:endParaRPr lang="en-US"/>
        </a:p>
      </dgm:t>
    </dgm:pt>
    <dgm:pt modelId="{E12EDD14-C735-41F2-B81E-D14AB097AFD0}">
      <dgm:prSet phldrT="[Text]"/>
      <dgm:spPr/>
      <dgm:t>
        <a:bodyPr/>
        <a:lstStyle/>
        <a:p>
          <a:r>
            <a:rPr lang="en-US" dirty="0"/>
            <a:t>AI learns/improves</a:t>
          </a:r>
        </a:p>
      </dgm:t>
    </dgm:pt>
    <dgm:pt modelId="{FF864A0E-CDFE-4C97-A7AD-976E82D76FC9}" type="parTrans" cxnId="{B3219110-636A-44C3-8E95-F3ABE3E315B7}">
      <dgm:prSet/>
      <dgm:spPr/>
      <dgm:t>
        <a:bodyPr/>
        <a:lstStyle/>
        <a:p>
          <a:endParaRPr lang="en-US"/>
        </a:p>
      </dgm:t>
    </dgm:pt>
    <dgm:pt modelId="{3F9F9EDA-84C8-47C2-9A4E-BB020622A9DF}" type="sibTrans" cxnId="{B3219110-636A-44C3-8E95-F3ABE3E315B7}">
      <dgm:prSet/>
      <dgm:spPr/>
      <dgm:t>
        <a:bodyPr/>
        <a:lstStyle/>
        <a:p>
          <a:endParaRPr lang="en-US"/>
        </a:p>
      </dgm:t>
    </dgm:pt>
    <dgm:pt modelId="{6001D30B-DC14-4D64-AC5C-C6F38D2B9A7D}" type="pres">
      <dgm:prSet presAssocID="{93B01A98-E3CA-4400-B633-DDA3028AF2DF}" presName="cycle" presStyleCnt="0">
        <dgm:presLayoutVars>
          <dgm:dir/>
          <dgm:resizeHandles val="exact"/>
        </dgm:presLayoutVars>
      </dgm:prSet>
      <dgm:spPr/>
    </dgm:pt>
    <dgm:pt modelId="{3E5B3AF5-7D84-41E2-A64D-D23E27AFABC6}" type="pres">
      <dgm:prSet presAssocID="{DE44C468-6ACC-4E8D-B40F-2D84F3229370}" presName="node" presStyleLbl="node1" presStyleIdx="0" presStyleCnt="3">
        <dgm:presLayoutVars>
          <dgm:bulletEnabled val="1"/>
        </dgm:presLayoutVars>
      </dgm:prSet>
      <dgm:spPr/>
    </dgm:pt>
    <dgm:pt modelId="{F0E13A7D-6AC5-4C82-B1CA-9326D642CE03}" type="pres">
      <dgm:prSet presAssocID="{AD5F7FEA-6599-4263-987C-857A4001E4ED}" presName="sibTrans" presStyleLbl="sibTrans2D1" presStyleIdx="0" presStyleCnt="3"/>
      <dgm:spPr/>
    </dgm:pt>
    <dgm:pt modelId="{3599F063-EDDE-4651-986D-EE32ED87A942}" type="pres">
      <dgm:prSet presAssocID="{AD5F7FEA-6599-4263-987C-857A4001E4ED}" presName="connectorText" presStyleLbl="sibTrans2D1" presStyleIdx="0" presStyleCnt="3"/>
      <dgm:spPr/>
    </dgm:pt>
    <dgm:pt modelId="{5128A10A-B196-4716-B819-0DEE03C887CD}" type="pres">
      <dgm:prSet presAssocID="{5D834534-445A-49F0-ADDA-4FC7716C38E1}" presName="node" presStyleLbl="node1" presStyleIdx="1" presStyleCnt="3">
        <dgm:presLayoutVars>
          <dgm:bulletEnabled val="1"/>
        </dgm:presLayoutVars>
      </dgm:prSet>
      <dgm:spPr/>
    </dgm:pt>
    <dgm:pt modelId="{71B8AEC6-40A2-43AD-9CE3-56CE1E722254}" type="pres">
      <dgm:prSet presAssocID="{3BA3F7E9-48F6-4E64-95E2-8B50758179FA}" presName="sibTrans" presStyleLbl="sibTrans2D1" presStyleIdx="1" presStyleCnt="3"/>
      <dgm:spPr/>
    </dgm:pt>
    <dgm:pt modelId="{82C22A04-C0D6-4A4A-B91B-75DC0B8FD4A7}" type="pres">
      <dgm:prSet presAssocID="{3BA3F7E9-48F6-4E64-95E2-8B50758179FA}" presName="connectorText" presStyleLbl="sibTrans2D1" presStyleIdx="1" presStyleCnt="3"/>
      <dgm:spPr/>
    </dgm:pt>
    <dgm:pt modelId="{1E633A80-3CD2-4078-9CE3-CF63BE826081}" type="pres">
      <dgm:prSet presAssocID="{E12EDD14-C735-41F2-B81E-D14AB097AFD0}" presName="node" presStyleLbl="node1" presStyleIdx="2" presStyleCnt="3">
        <dgm:presLayoutVars>
          <dgm:bulletEnabled val="1"/>
        </dgm:presLayoutVars>
      </dgm:prSet>
      <dgm:spPr/>
    </dgm:pt>
    <dgm:pt modelId="{177AA8F6-11AB-4C2B-A102-E9DEEB7FC67A}" type="pres">
      <dgm:prSet presAssocID="{3F9F9EDA-84C8-47C2-9A4E-BB020622A9DF}" presName="sibTrans" presStyleLbl="sibTrans2D1" presStyleIdx="2" presStyleCnt="3"/>
      <dgm:spPr/>
    </dgm:pt>
    <dgm:pt modelId="{794A2112-D41A-42DF-A3F1-F4EEEA315B75}" type="pres">
      <dgm:prSet presAssocID="{3F9F9EDA-84C8-47C2-9A4E-BB020622A9DF}" presName="connectorText" presStyleLbl="sibTrans2D1" presStyleIdx="2" presStyleCnt="3"/>
      <dgm:spPr/>
    </dgm:pt>
  </dgm:ptLst>
  <dgm:cxnLst>
    <dgm:cxn modelId="{84DE0D07-7C0D-4758-A755-A5741858B97E}" type="presOf" srcId="{3BA3F7E9-48F6-4E64-95E2-8B50758179FA}" destId="{82C22A04-C0D6-4A4A-B91B-75DC0B8FD4A7}" srcOrd="1" destOrd="0" presId="urn:microsoft.com/office/officeart/2005/8/layout/cycle2"/>
    <dgm:cxn modelId="{B3219110-636A-44C3-8E95-F3ABE3E315B7}" srcId="{93B01A98-E3CA-4400-B633-DDA3028AF2DF}" destId="{E12EDD14-C735-41F2-B81E-D14AB097AFD0}" srcOrd="2" destOrd="0" parTransId="{FF864A0E-CDFE-4C97-A7AD-976E82D76FC9}" sibTransId="{3F9F9EDA-84C8-47C2-9A4E-BB020622A9DF}"/>
    <dgm:cxn modelId="{D3EADE5B-D5AD-48B2-9CC1-B5738AE8998B}" type="presOf" srcId="{3F9F9EDA-84C8-47C2-9A4E-BB020622A9DF}" destId="{177AA8F6-11AB-4C2B-A102-E9DEEB7FC67A}" srcOrd="0" destOrd="0" presId="urn:microsoft.com/office/officeart/2005/8/layout/cycle2"/>
    <dgm:cxn modelId="{E665F862-8EE0-4952-BF2F-A14F7BD0A0C0}" type="presOf" srcId="{E12EDD14-C735-41F2-B81E-D14AB097AFD0}" destId="{1E633A80-3CD2-4078-9CE3-CF63BE826081}" srcOrd="0" destOrd="0" presId="urn:microsoft.com/office/officeart/2005/8/layout/cycle2"/>
    <dgm:cxn modelId="{24EA8368-2EDE-42AD-A322-A5A56A40EF33}" type="presOf" srcId="{3BA3F7E9-48F6-4E64-95E2-8B50758179FA}" destId="{71B8AEC6-40A2-43AD-9CE3-56CE1E722254}" srcOrd="0" destOrd="0" presId="urn:microsoft.com/office/officeart/2005/8/layout/cycle2"/>
    <dgm:cxn modelId="{1DF6F551-DCBF-4C14-8B1E-E10D4E6BBC0B}" type="presOf" srcId="{5D834534-445A-49F0-ADDA-4FC7716C38E1}" destId="{5128A10A-B196-4716-B819-0DEE03C887CD}" srcOrd="0" destOrd="0" presId="urn:microsoft.com/office/officeart/2005/8/layout/cycle2"/>
    <dgm:cxn modelId="{79F6B1A6-57F2-43EE-894C-8143888FC9B3}" srcId="{93B01A98-E3CA-4400-B633-DDA3028AF2DF}" destId="{5D834534-445A-49F0-ADDA-4FC7716C38E1}" srcOrd="1" destOrd="0" parTransId="{AB89BBE4-428B-4907-A1C6-AA8CF4A5138B}" sibTransId="{3BA3F7E9-48F6-4E64-95E2-8B50758179FA}"/>
    <dgm:cxn modelId="{68B8AFBB-5638-415C-9530-46960182EF81}" srcId="{93B01A98-E3CA-4400-B633-DDA3028AF2DF}" destId="{DE44C468-6ACC-4E8D-B40F-2D84F3229370}" srcOrd="0" destOrd="0" parTransId="{78A18698-3655-4295-8860-BC9AAAB27F73}" sibTransId="{AD5F7FEA-6599-4263-987C-857A4001E4ED}"/>
    <dgm:cxn modelId="{0AD0EABB-70EB-4695-9C17-E04D6E174871}" type="presOf" srcId="{DE44C468-6ACC-4E8D-B40F-2D84F3229370}" destId="{3E5B3AF5-7D84-41E2-A64D-D23E27AFABC6}" srcOrd="0" destOrd="0" presId="urn:microsoft.com/office/officeart/2005/8/layout/cycle2"/>
    <dgm:cxn modelId="{DE043BBD-3B44-4FD2-87A4-D4F8D68590F0}" type="presOf" srcId="{3F9F9EDA-84C8-47C2-9A4E-BB020622A9DF}" destId="{794A2112-D41A-42DF-A3F1-F4EEEA315B75}" srcOrd="1" destOrd="0" presId="urn:microsoft.com/office/officeart/2005/8/layout/cycle2"/>
    <dgm:cxn modelId="{93E299D6-4396-44BA-B670-6C6067A4089A}" type="presOf" srcId="{AD5F7FEA-6599-4263-987C-857A4001E4ED}" destId="{3599F063-EDDE-4651-986D-EE32ED87A942}" srcOrd="1" destOrd="0" presId="urn:microsoft.com/office/officeart/2005/8/layout/cycle2"/>
    <dgm:cxn modelId="{99C423DB-9E25-46BD-ACFA-420098AAA5DE}" type="presOf" srcId="{AD5F7FEA-6599-4263-987C-857A4001E4ED}" destId="{F0E13A7D-6AC5-4C82-B1CA-9326D642CE03}" srcOrd="0" destOrd="0" presId="urn:microsoft.com/office/officeart/2005/8/layout/cycle2"/>
    <dgm:cxn modelId="{7DFA8EED-19AD-40AD-A988-1F5B1076DF60}" type="presOf" srcId="{93B01A98-E3CA-4400-B633-DDA3028AF2DF}" destId="{6001D30B-DC14-4D64-AC5C-C6F38D2B9A7D}" srcOrd="0" destOrd="0" presId="urn:microsoft.com/office/officeart/2005/8/layout/cycle2"/>
    <dgm:cxn modelId="{76D9FF50-8716-46E6-A4AF-B8A2409475FE}" type="presParOf" srcId="{6001D30B-DC14-4D64-AC5C-C6F38D2B9A7D}" destId="{3E5B3AF5-7D84-41E2-A64D-D23E27AFABC6}" srcOrd="0" destOrd="0" presId="urn:microsoft.com/office/officeart/2005/8/layout/cycle2"/>
    <dgm:cxn modelId="{BCF76EBB-8374-49FD-9FD6-3FDCD6CD978B}" type="presParOf" srcId="{6001D30B-DC14-4D64-AC5C-C6F38D2B9A7D}" destId="{F0E13A7D-6AC5-4C82-B1CA-9326D642CE03}" srcOrd="1" destOrd="0" presId="urn:microsoft.com/office/officeart/2005/8/layout/cycle2"/>
    <dgm:cxn modelId="{EA42D684-5FBD-45B5-9777-5C8ADC7A60D8}" type="presParOf" srcId="{F0E13A7D-6AC5-4C82-B1CA-9326D642CE03}" destId="{3599F063-EDDE-4651-986D-EE32ED87A942}" srcOrd="0" destOrd="0" presId="urn:microsoft.com/office/officeart/2005/8/layout/cycle2"/>
    <dgm:cxn modelId="{401FE8EB-E438-4D65-8F27-27F42C96321D}" type="presParOf" srcId="{6001D30B-DC14-4D64-AC5C-C6F38D2B9A7D}" destId="{5128A10A-B196-4716-B819-0DEE03C887CD}" srcOrd="2" destOrd="0" presId="urn:microsoft.com/office/officeart/2005/8/layout/cycle2"/>
    <dgm:cxn modelId="{EF5A9B51-8EC2-4EF5-BE99-BE0923E6ED8C}" type="presParOf" srcId="{6001D30B-DC14-4D64-AC5C-C6F38D2B9A7D}" destId="{71B8AEC6-40A2-43AD-9CE3-56CE1E722254}" srcOrd="3" destOrd="0" presId="urn:microsoft.com/office/officeart/2005/8/layout/cycle2"/>
    <dgm:cxn modelId="{F3CA5310-B127-4BEC-86AD-C1A698852802}" type="presParOf" srcId="{71B8AEC6-40A2-43AD-9CE3-56CE1E722254}" destId="{82C22A04-C0D6-4A4A-B91B-75DC0B8FD4A7}" srcOrd="0" destOrd="0" presId="urn:microsoft.com/office/officeart/2005/8/layout/cycle2"/>
    <dgm:cxn modelId="{ACE7A38F-3339-4954-9F55-62718457A0B3}" type="presParOf" srcId="{6001D30B-DC14-4D64-AC5C-C6F38D2B9A7D}" destId="{1E633A80-3CD2-4078-9CE3-CF63BE826081}" srcOrd="4" destOrd="0" presId="urn:microsoft.com/office/officeart/2005/8/layout/cycle2"/>
    <dgm:cxn modelId="{AB6B8EDB-21CD-4D55-99A5-EAE72B23F20F}" type="presParOf" srcId="{6001D30B-DC14-4D64-AC5C-C6F38D2B9A7D}" destId="{177AA8F6-11AB-4C2B-A102-E9DEEB7FC67A}" srcOrd="5" destOrd="0" presId="urn:microsoft.com/office/officeart/2005/8/layout/cycle2"/>
    <dgm:cxn modelId="{32306469-FFD9-4DD0-8D28-BD735083EB00}" type="presParOf" srcId="{177AA8F6-11AB-4C2B-A102-E9DEEB7FC67A}" destId="{794A2112-D41A-42DF-A3F1-F4EEEA315B75}" srcOrd="0" destOrd="0" presId="urn:microsoft.com/office/officeart/2005/8/layout/cycle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342EEFF5-E95E-4DB5-B58C-B1B22254E6A2}" type="doc">
      <dgm:prSet loTypeId="urn:microsoft.com/office/officeart/2005/8/layout/bProcess3" loCatId="process" qsTypeId="urn:microsoft.com/office/officeart/2005/8/quickstyle/simple1" qsCatId="simple" csTypeId="urn:microsoft.com/office/officeart/2005/8/colors/accent1_2" csCatId="accent1" phldr="1"/>
      <dgm:spPr/>
      <dgm:t>
        <a:bodyPr/>
        <a:lstStyle/>
        <a:p>
          <a:endParaRPr lang="en-US"/>
        </a:p>
      </dgm:t>
    </dgm:pt>
    <dgm:pt modelId="{CF3BECAD-A417-4D5D-B8A4-D3388A06433C}">
      <dgm:prSet phldrT="[Text]"/>
      <dgm:spPr/>
      <dgm:t>
        <a:bodyPr/>
        <a:lstStyle/>
        <a:p>
          <a:r>
            <a:rPr lang="en-US" dirty="0"/>
            <a:t>Problem Definition</a:t>
          </a:r>
        </a:p>
      </dgm:t>
    </dgm:pt>
    <dgm:pt modelId="{DA671AA1-E230-4A0D-BACE-99EB4E4F188B}" type="parTrans" cxnId="{B2B81948-86C1-4212-97DC-44C4DC5563FB}">
      <dgm:prSet/>
      <dgm:spPr/>
      <dgm:t>
        <a:bodyPr/>
        <a:lstStyle/>
        <a:p>
          <a:endParaRPr lang="en-US"/>
        </a:p>
      </dgm:t>
    </dgm:pt>
    <dgm:pt modelId="{C1606D8E-249A-48E8-884F-48B33A6DE3A9}" type="sibTrans" cxnId="{B2B81948-86C1-4212-97DC-44C4DC5563FB}">
      <dgm:prSet/>
      <dgm:spPr/>
      <dgm:t>
        <a:bodyPr/>
        <a:lstStyle/>
        <a:p>
          <a:endParaRPr lang="en-US"/>
        </a:p>
      </dgm:t>
    </dgm:pt>
    <dgm:pt modelId="{E70726C9-D14F-49D3-AA11-55A853803421}">
      <dgm:prSet phldrT="[Text]"/>
      <dgm:spPr/>
      <dgm:t>
        <a:bodyPr/>
        <a:lstStyle/>
        <a:p>
          <a:r>
            <a:rPr lang="en-US" dirty="0"/>
            <a:t>Problem Analysis</a:t>
          </a:r>
        </a:p>
      </dgm:t>
    </dgm:pt>
    <dgm:pt modelId="{FEBD7306-1D11-4A7F-BB04-2D73C8A31FF4}" type="parTrans" cxnId="{E24EC8FD-CF47-45B3-A479-C061158D1B59}">
      <dgm:prSet/>
      <dgm:spPr/>
      <dgm:t>
        <a:bodyPr/>
        <a:lstStyle/>
        <a:p>
          <a:endParaRPr lang="en-US"/>
        </a:p>
      </dgm:t>
    </dgm:pt>
    <dgm:pt modelId="{E2214846-6821-4DD2-9BD4-6E71343D8A70}" type="sibTrans" cxnId="{E24EC8FD-CF47-45B3-A479-C061158D1B59}">
      <dgm:prSet/>
      <dgm:spPr/>
      <dgm:t>
        <a:bodyPr/>
        <a:lstStyle/>
        <a:p>
          <a:endParaRPr lang="en-US"/>
        </a:p>
      </dgm:t>
    </dgm:pt>
    <dgm:pt modelId="{CCBB5C8D-E411-4DA2-952F-E6B0041324F7}">
      <dgm:prSet phldrT="[Text]"/>
      <dgm:spPr/>
      <dgm:t>
        <a:bodyPr/>
        <a:lstStyle/>
        <a:p>
          <a:r>
            <a:rPr lang="en-US" dirty="0"/>
            <a:t>Algorithm Development</a:t>
          </a:r>
        </a:p>
      </dgm:t>
    </dgm:pt>
    <dgm:pt modelId="{E751C972-8A6B-43F5-91F6-03073CF8D142}" type="parTrans" cxnId="{548AC9E3-675A-41EC-8628-520DFBC38143}">
      <dgm:prSet/>
      <dgm:spPr/>
      <dgm:t>
        <a:bodyPr/>
        <a:lstStyle/>
        <a:p>
          <a:endParaRPr lang="en-US"/>
        </a:p>
      </dgm:t>
    </dgm:pt>
    <dgm:pt modelId="{93C9130D-0DC3-48B7-A1E1-B09A3828B35B}" type="sibTrans" cxnId="{548AC9E3-675A-41EC-8628-520DFBC38143}">
      <dgm:prSet/>
      <dgm:spPr/>
      <dgm:t>
        <a:bodyPr/>
        <a:lstStyle/>
        <a:p>
          <a:endParaRPr lang="en-US"/>
        </a:p>
      </dgm:t>
    </dgm:pt>
    <dgm:pt modelId="{742F45CB-C348-4850-8708-E32A8EA219E6}">
      <dgm:prSet phldrT="[Text]"/>
      <dgm:spPr/>
      <dgm:t>
        <a:bodyPr/>
        <a:lstStyle/>
        <a:p>
          <a:r>
            <a:rPr lang="en-US" dirty="0"/>
            <a:t>Coding &amp; Documentation</a:t>
          </a:r>
        </a:p>
      </dgm:t>
    </dgm:pt>
    <dgm:pt modelId="{DAF86E20-BF4E-4DB1-B468-C34310463D4A}" type="parTrans" cxnId="{3DFAC7DC-D113-417F-91E6-62CAC19B63BF}">
      <dgm:prSet/>
      <dgm:spPr/>
      <dgm:t>
        <a:bodyPr/>
        <a:lstStyle/>
        <a:p>
          <a:endParaRPr lang="en-US"/>
        </a:p>
      </dgm:t>
    </dgm:pt>
    <dgm:pt modelId="{B0872E6F-4007-4F26-8565-5D5241EFA21E}" type="sibTrans" cxnId="{3DFAC7DC-D113-417F-91E6-62CAC19B63BF}">
      <dgm:prSet/>
      <dgm:spPr/>
      <dgm:t>
        <a:bodyPr/>
        <a:lstStyle/>
        <a:p>
          <a:endParaRPr lang="en-US"/>
        </a:p>
      </dgm:t>
    </dgm:pt>
    <dgm:pt modelId="{FACE6CC5-51CD-4E3C-A6AB-A751CD301829}">
      <dgm:prSet phldrT="[Text]"/>
      <dgm:spPr/>
      <dgm:t>
        <a:bodyPr/>
        <a:lstStyle/>
        <a:p>
          <a:r>
            <a:rPr lang="en-US" dirty="0"/>
            <a:t>Testing &amp; Debugging</a:t>
          </a:r>
        </a:p>
      </dgm:t>
    </dgm:pt>
    <dgm:pt modelId="{D9518B39-1A33-46E7-8E4B-9B06381F4608}" type="parTrans" cxnId="{98D160E0-E422-4AF0-8088-33ECA0498A18}">
      <dgm:prSet/>
      <dgm:spPr/>
      <dgm:t>
        <a:bodyPr/>
        <a:lstStyle/>
        <a:p>
          <a:endParaRPr lang="en-US"/>
        </a:p>
      </dgm:t>
    </dgm:pt>
    <dgm:pt modelId="{3D895160-96B4-4AB5-8D8D-97D399C08A2E}" type="sibTrans" cxnId="{98D160E0-E422-4AF0-8088-33ECA0498A18}">
      <dgm:prSet/>
      <dgm:spPr/>
      <dgm:t>
        <a:bodyPr/>
        <a:lstStyle/>
        <a:p>
          <a:endParaRPr lang="en-US"/>
        </a:p>
      </dgm:t>
    </dgm:pt>
    <dgm:pt modelId="{4A6A95C8-4CAC-4140-BF61-174ED07B0A5E}">
      <dgm:prSet/>
      <dgm:spPr/>
      <dgm:t>
        <a:bodyPr/>
        <a:lstStyle/>
        <a:p>
          <a:r>
            <a:rPr lang="en-US" dirty="0"/>
            <a:t>Maintenance</a:t>
          </a:r>
        </a:p>
      </dgm:t>
    </dgm:pt>
    <dgm:pt modelId="{8D244FAA-685B-4CDB-B509-7DECFF1EB948}" type="parTrans" cxnId="{55C8C944-3C0E-4F90-A8C0-065A32E366B1}">
      <dgm:prSet/>
      <dgm:spPr/>
      <dgm:t>
        <a:bodyPr/>
        <a:lstStyle/>
        <a:p>
          <a:endParaRPr lang="en-US"/>
        </a:p>
      </dgm:t>
    </dgm:pt>
    <dgm:pt modelId="{8F4BFFA4-DFD0-4D34-AA98-99A8410C9D31}" type="sibTrans" cxnId="{55C8C944-3C0E-4F90-A8C0-065A32E366B1}">
      <dgm:prSet/>
      <dgm:spPr/>
      <dgm:t>
        <a:bodyPr/>
        <a:lstStyle/>
        <a:p>
          <a:endParaRPr lang="en-US"/>
        </a:p>
      </dgm:t>
    </dgm:pt>
    <dgm:pt modelId="{8C9A77AD-53E6-478D-98E4-DBE75D7FF1F4}" type="pres">
      <dgm:prSet presAssocID="{342EEFF5-E95E-4DB5-B58C-B1B22254E6A2}" presName="Name0" presStyleCnt="0">
        <dgm:presLayoutVars>
          <dgm:dir/>
          <dgm:resizeHandles val="exact"/>
        </dgm:presLayoutVars>
      </dgm:prSet>
      <dgm:spPr/>
    </dgm:pt>
    <dgm:pt modelId="{C418BF79-2679-4841-B2AC-ED1FF30F3E54}" type="pres">
      <dgm:prSet presAssocID="{CF3BECAD-A417-4D5D-B8A4-D3388A06433C}" presName="node" presStyleLbl="node1" presStyleIdx="0" presStyleCnt="6">
        <dgm:presLayoutVars>
          <dgm:bulletEnabled val="1"/>
        </dgm:presLayoutVars>
      </dgm:prSet>
      <dgm:spPr/>
    </dgm:pt>
    <dgm:pt modelId="{85F8A4A0-72BB-4BB4-AE6C-C225E9EA970F}" type="pres">
      <dgm:prSet presAssocID="{C1606D8E-249A-48E8-884F-48B33A6DE3A9}" presName="sibTrans" presStyleLbl="sibTrans1D1" presStyleIdx="0" presStyleCnt="5"/>
      <dgm:spPr/>
    </dgm:pt>
    <dgm:pt modelId="{EAC7F99B-AD99-4774-9C89-15CE9D7651B4}" type="pres">
      <dgm:prSet presAssocID="{C1606D8E-249A-48E8-884F-48B33A6DE3A9}" presName="connectorText" presStyleLbl="sibTrans1D1" presStyleIdx="0" presStyleCnt="5"/>
      <dgm:spPr/>
    </dgm:pt>
    <dgm:pt modelId="{7BEF3604-30EE-44B6-9831-F944ABA6CFEB}" type="pres">
      <dgm:prSet presAssocID="{E70726C9-D14F-49D3-AA11-55A853803421}" presName="node" presStyleLbl="node1" presStyleIdx="1" presStyleCnt="6">
        <dgm:presLayoutVars>
          <dgm:bulletEnabled val="1"/>
        </dgm:presLayoutVars>
      </dgm:prSet>
      <dgm:spPr/>
    </dgm:pt>
    <dgm:pt modelId="{DE4ABB8F-61A0-4DEA-9568-FAFD57D668E3}" type="pres">
      <dgm:prSet presAssocID="{E2214846-6821-4DD2-9BD4-6E71343D8A70}" presName="sibTrans" presStyleLbl="sibTrans1D1" presStyleIdx="1" presStyleCnt="5"/>
      <dgm:spPr/>
    </dgm:pt>
    <dgm:pt modelId="{CC2EC3A3-DDB4-4100-A56B-92454F144D81}" type="pres">
      <dgm:prSet presAssocID="{E2214846-6821-4DD2-9BD4-6E71343D8A70}" presName="connectorText" presStyleLbl="sibTrans1D1" presStyleIdx="1" presStyleCnt="5"/>
      <dgm:spPr/>
    </dgm:pt>
    <dgm:pt modelId="{3F5EA2CD-9228-42DC-8E9B-293D7E6DC52C}" type="pres">
      <dgm:prSet presAssocID="{CCBB5C8D-E411-4DA2-952F-E6B0041324F7}" presName="node" presStyleLbl="node1" presStyleIdx="2" presStyleCnt="6">
        <dgm:presLayoutVars>
          <dgm:bulletEnabled val="1"/>
        </dgm:presLayoutVars>
      </dgm:prSet>
      <dgm:spPr/>
    </dgm:pt>
    <dgm:pt modelId="{77073A89-32FD-4649-A0B8-5E05E332FF76}" type="pres">
      <dgm:prSet presAssocID="{93C9130D-0DC3-48B7-A1E1-B09A3828B35B}" presName="sibTrans" presStyleLbl="sibTrans1D1" presStyleIdx="2" presStyleCnt="5"/>
      <dgm:spPr/>
    </dgm:pt>
    <dgm:pt modelId="{37CA7DE4-12EF-46F0-8CFC-30A7FACDBFD4}" type="pres">
      <dgm:prSet presAssocID="{93C9130D-0DC3-48B7-A1E1-B09A3828B35B}" presName="connectorText" presStyleLbl="sibTrans1D1" presStyleIdx="2" presStyleCnt="5"/>
      <dgm:spPr/>
    </dgm:pt>
    <dgm:pt modelId="{11B87E66-B8FD-4B45-BA12-6DA98F56F778}" type="pres">
      <dgm:prSet presAssocID="{742F45CB-C348-4850-8708-E32A8EA219E6}" presName="node" presStyleLbl="node1" presStyleIdx="3" presStyleCnt="6">
        <dgm:presLayoutVars>
          <dgm:bulletEnabled val="1"/>
        </dgm:presLayoutVars>
      </dgm:prSet>
      <dgm:spPr/>
    </dgm:pt>
    <dgm:pt modelId="{800D1572-AB30-4A5A-A1EE-3583CDAAA328}" type="pres">
      <dgm:prSet presAssocID="{B0872E6F-4007-4F26-8565-5D5241EFA21E}" presName="sibTrans" presStyleLbl="sibTrans1D1" presStyleIdx="3" presStyleCnt="5"/>
      <dgm:spPr/>
    </dgm:pt>
    <dgm:pt modelId="{90EB0A55-FDBD-4AA6-977A-DDAAFF02B5D8}" type="pres">
      <dgm:prSet presAssocID="{B0872E6F-4007-4F26-8565-5D5241EFA21E}" presName="connectorText" presStyleLbl="sibTrans1D1" presStyleIdx="3" presStyleCnt="5"/>
      <dgm:spPr/>
    </dgm:pt>
    <dgm:pt modelId="{220C64B2-B22A-496D-B69B-8869916F6F00}" type="pres">
      <dgm:prSet presAssocID="{FACE6CC5-51CD-4E3C-A6AB-A751CD301829}" presName="node" presStyleLbl="node1" presStyleIdx="4" presStyleCnt="6">
        <dgm:presLayoutVars>
          <dgm:bulletEnabled val="1"/>
        </dgm:presLayoutVars>
      </dgm:prSet>
      <dgm:spPr/>
    </dgm:pt>
    <dgm:pt modelId="{C3E90D02-BEF0-4BFB-B98B-BE584E2252BD}" type="pres">
      <dgm:prSet presAssocID="{3D895160-96B4-4AB5-8D8D-97D399C08A2E}" presName="sibTrans" presStyleLbl="sibTrans1D1" presStyleIdx="4" presStyleCnt="5"/>
      <dgm:spPr/>
    </dgm:pt>
    <dgm:pt modelId="{CE9A7F6E-6A3F-4383-9F66-566F2CF17745}" type="pres">
      <dgm:prSet presAssocID="{3D895160-96B4-4AB5-8D8D-97D399C08A2E}" presName="connectorText" presStyleLbl="sibTrans1D1" presStyleIdx="4" presStyleCnt="5"/>
      <dgm:spPr/>
    </dgm:pt>
    <dgm:pt modelId="{F98BAE2C-C5BA-43CB-863F-2FB20053E10C}" type="pres">
      <dgm:prSet presAssocID="{4A6A95C8-4CAC-4140-BF61-174ED07B0A5E}" presName="node" presStyleLbl="node1" presStyleIdx="5" presStyleCnt="6">
        <dgm:presLayoutVars>
          <dgm:bulletEnabled val="1"/>
        </dgm:presLayoutVars>
      </dgm:prSet>
      <dgm:spPr/>
    </dgm:pt>
  </dgm:ptLst>
  <dgm:cxnLst>
    <dgm:cxn modelId="{C0FA6310-C3AF-4887-A528-8B3C461C733F}" type="presOf" srcId="{E2214846-6821-4DD2-9BD4-6E71343D8A70}" destId="{DE4ABB8F-61A0-4DEA-9568-FAFD57D668E3}" srcOrd="0" destOrd="0" presId="urn:microsoft.com/office/officeart/2005/8/layout/bProcess3"/>
    <dgm:cxn modelId="{93F83614-11E3-4C59-A2A3-BBE4A70F030C}" type="presOf" srcId="{C1606D8E-249A-48E8-884F-48B33A6DE3A9}" destId="{EAC7F99B-AD99-4774-9C89-15CE9D7651B4}" srcOrd="1" destOrd="0" presId="urn:microsoft.com/office/officeart/2005/8/layout/bProcess3"/>
    <dgm:cxn modelId="{F476C922-324D-4C67-B75D-17EB18EF29A5}" type="presOf" srcId="{B0872E6F-4007-4F26-8565-5D5241EFA21E}" destId="{800D1572-AB30-4A5A-A1EE-3583CDAAA328}" srcOrd="0" destOrd="0" presId="urn:microsoft.com/office/officeart/2005/8/layout/bProcess3"/>
    <dgm:cxn modelId="{75AE9326-8AE6-4D36-8416-930CCE1B18EB}" type="presOf" srcId="{742F45CB-C348-4850-8708-E32A8EA219E6}" destId="{11B87E66-B8FD-4B45-BA12-6DA98F56F778}" srcOrd="0" destOrd="0" presId="urn:microsoft.com/office/officeart/2005/8/layout/bProcess3"/>
    <dgm:cxn modelId="{CA18F42A-F306-476C-8C8E-97D0707F8A23}" type="presOf" srcId="{E70726C9-D14F-49D3-AA11-55A853803421}" destId="{7BEF3604-30EE-44B6-9831-F944ABA6CFEB}" srcOrd="0" destOrd="0" presId="urn:microsoft.com/office/officeart/2005/8/layout/bProcess3"/>
    <dgm:cxn modelId="{6B6B173C-8036-45DF-9F46-2088656AB860}" type="presOf" srcId="{3D895160-96B4-4AB5-8D8D-97D399C08A2E}" destId="{C3E90D02-BEF0-4BFB-B98B-BE584E2252BD}" srcOrd="0" destOrd="0" presId="urn:microsoft.com/office/officeart/2005/8/layout/bProcess3"/>
    <dgm:cxn modelId="{55C8C944-3C0E-4F90-A8C0-065A32E366B1}" srcId="{342EEFF5-E95E-4DB5-B58C-B1B22254E6A2}" destId="{4A6A95C8-4CAC-4140-BF61-174ED07B0A5E}" srcOrd="5" destOrd="0" parTransId="{8D244FAA-685B-4CDB-B509-7DECFF1EB948}" sibTransId="{8F4BFFA4-DFD0-4D34-AA98-99A8410C9D31}"/>
    <dgm:cxn modelId="{B2B81948-86C1-4212-97DC-44C4DC5563FB}" srcId="{342EEFF5-E95E-4DB5-B58C-B1B22254E6A2}" destId="{CF3BECAD-A417-4D5D-B8A4-D3388A06433C}" srcOrd="0" destOrd="0" parTransId="{DA671AA1-E230-4A0D-BACE-99EB4E4F188B}" sibTransId="{C1606D8E-249A-48E8-884F-48B33A6DE3A9}"/>
    <dgm:cxn modelId="{D3B78C77-5489-4746-92AC-1077F5B37F46}" type="presOf" srcId="{4A6A95C8-4CAC-4140-BF61-174ED07B0A5E}" destId="{F98BAE2C-C5BA-43CB-863F-2FB20053E10C}" srcOrd="0" destOrd="0" presId="urn:microsoft.com/office/officeart/2005/8/layout/bProcess3"/>
    <dgm:cxn modelId="{506A187F-AD90-46CA-B0C7-2E00425299DD}" type="presOf" srcId="{CF3BECAD-A417-4D5D-B8A4-D3388A06433C}" destId="{C418BF79-2679-4841-B2AC-ED1FF30F3E54}" srcOrd="0" destOrd="0" presId="urn:microsoft.com/office/officeart/2005/8/layout/bProcess3"/>
    <dgm:cxn modelId="{B3CEAF85-BEF0-4E12-A7D7-56CCBE39AAD7}" type="presOf" srcId="{FACE6CC5-51CD-4E3C-A6AB-A751CD301829}" destId="{220C64B2-B22A-496D-B69B-8869916F6F00}" srcOrd="0" destOrd="0" presId="urn:microsoft.com/office/officeart/2005/8/layout/bProcess3"/>
    <dgm:cxn modelId="{E48CDB94-D298-4076-A96C-B72041973857}" type="presOf" srcId="{C1606D8E-249A-48E8-884F-48B33A6DE3A9}" destId="{85F8A4A0-72BB-4BB4-AE6C-C225E9EA970F}" srcOrd="0" destOrd="0" presId="urn:microsoft.com/office/officeart/2005/8/layout/bProcess3"/>
    <dgm:cxn modelId="{D12A4BA7-71C4-4A6E-95CA-38C43D081967}" type="presOf" srcId="{93C9130D-0DC3-48B7-A1E1-B09A3828B35B}" destId="{37CA7DE4-12EF-46F0-8CFC-30A7FACDBFD4}" srcOrd="1" destOrd="0" presId="urn:microsoft.com/office/officeart/2005/8/layout/bProcess3"/>
    <dgm:cxn modelId="{60B5EFBC-BAB7-48EB-9424-240A475B0731}" type="presOf" srcId="{CCBB5C8D-E411-4DA2-952F-E6B0041324F7}" destId="{3F5EA2CD-9228-42DC-8E9B-293D7E6DC52C}" srcOrd="0" destOrd="0" presId="urn:microsoft.com/office/officeart/2005/8/layout/bProcess3"/>
    <dgm:cxn modelId="{E8C4F6BD-7B37-4FCF-BE64-D49252E20120}" type="presOf" srcId="{342EEFF5-E95E-4DB5-B58C-B1B22254E6A2}" destId="{8C9A77AD-53E6-478D-98E4-DBE75D7FF1F4}" srcOrd="0" destOrd="0" presId="urn:microsoft.com/office/officeart/2005/8/layout/bProcess3"/>
    <dgm:cxn modelId="{0CAB90C6-5DE6-4505-9B7E-A1CBF09D6AAC}" type="presOf" srcId="{E2214846-6821-4DD2-9BD4-6E71343D8A70}" destId="{CC2EC3A3-DDB4-4100-A56B-92454F144D81}" srcOrd="1" destOrd="0" presId="urn:microsoft.com/office/officeart/2005/8/layout/bProcess3"/>
    <dgm:cxn modelId="{3FD913CF-2602-42B4-8CBE-AEB23D9C3D90}" type="presOf" srcId="{B0872E6F-4007-4F26-8565-5D5241EFA21E}" destId="{90EB0A55-FDBD-4AA6-977A-DDAAFF02B5D8}" srcOrd="1" destOrd="0" presId="urn:microsoft.com/office/officeart/2005/8/layout/bProcess3"/>
    <dgm:cxn modelId="{E4B81DD1-EE10-424C-A2A1-FCE9C95C827D}" type="presOf" srcId="{3D895160-96B4-4AB5-8D8D-97D399C08A2E}" destId="{CE9A7F6E-6A3F-4383-9F66-566F2CF17745}" srcOrd="1" destOrd="0" presId="urn:microsoft.com/office/officeart/2005/8/layout/bProcess3"/>
    <dgm:cxn modelId="{3DFAC7DC-D113-417F-91E6-62CAC19B63BF}" srcId="{342EEFF5-E95E-4DB5-B58C-B1B22254E6A2}" destId="{742F45CB-C348-4850-8708-E32A8EA219E6}" srcOrd="3" destOrd="0" parTransId="{DAF86E20-BF4E-4DB1-B468-C34310463D4A}" sibTransId="{B0872E6F-4007-4F26-8565-5D5241EFA21E}"/>
    <dgm:cxn modelId="{98D160E0-E422-4AF0-8088-33ECA0498A18}" srcId="{342EEFF5-E95E-4DB5-B58C-B1B22254E6A2}" destId="{FACE6CC5-51CD-4E3C-A6AB-A751CD301829}" srcOrd="4" destOrd="0" parTransId="{D9518B39-1A33-46E7-8E4B-9B06381F4608}" sibTransId="{3D895160-96B4-4AB5-8D8D-97D399C08A2E}"/>
    <dgm:cxn modelId="{548AC9E3-675A-41EC-8628-520DFBC38143}" srcId="{342EEFF5-E95E-4DB5-B58C-B1B22254E6A2}" destId="{CCBB5C8D-E411-4DA2-952F-E6B0041324F7}" srcOrd="2" destOrd="0" parTransId="{E751C972-8A6B-43F5-91F6-03073CF8D142}" sibTransId="{93C9130D-0DC3-48B7-A1E1-B09A3828B35B}"/>
    <dgm:cxn modelId="{AF8696F8-D0FD-4F03-B669-53A84AD01A6E}" type="presOf" srcId="{93C9130D-0DC3-48B7-A1E1-B09A3828B35B}" destId="{77073A89-32FD-4649-A0B8-5E05E332FF76}" srcOrd="0" destOrd="0" presId="urn:microsoft.com/office/officeart/2005/8/layout/bProcess3"/>
    <dgm:cxn modelId="{E24EC8FD-CF47-45B3-A479-C061158D1B59}" srcId="{342EEFF5-E95E-4DB5-B58C-B1B22254E6A2}" destId="{E70726C9-D14F-49D3-AA11-55A853803421}" srcOrd="1" destOrd="0" parTransId="{FEBD7306-1D11-4A7F-BB04-2D73C8A31FF4}" sibTransId="{E2214846-6821-4DD2-9BD4-6E71343D8A70}"/>
    <dgm:cxn modelId="{73682AA9-B14A-47BC-873F-255059F8F90C}" type="presParOf" srcId="{8C9A77AD-53E6-478D-98E4-DBE75D7FF1F4}" destId="{C418BF79-2679-4841-B2AC-ED1FF30F3E54}" srcOrd="0" destOrd="0" presId="urn:microsoft.com/office/officeart/2005/8/layout/bProcess3"/>
    <dgm:cxn modelId="{7CA0834F-8C2D-4E0B-9BE8-C5993BAD9633}" type="presParOf" srcId="{8C9A77AD-53E6-478D-98E4-DBE75D7FF1F4}" destId="{85F8A4A0-72BB-4BB4-AE6C-C225E9EA970F}" srcOrd="1" destOrd="0" presId="urn:microsoft.com/office/officeart/2005/8/layout/bProcess3"/>
    <dgm:cxn modelId="{A4CB8687-0040-44B3-B840-A34F516EBD17}" type="presParOf" srcId="{85F8A4A0-72BB-4BB4-AE6C-C225E9EA970F}" destId="{EAC7F99B-AD99-4774-9C89-15CE9D7651B4}" srcOrd="0" destOrd="0" presId="urn:microsoft.com/office/officeart/2005/8/layout/bProcess3"/>
    <dgm:cxn modelId="{94965796-1D9F-449B-8F34-82461694ED59}" type="presParOf" srcId="{8C9A77AD-53E6-478D-98E4-DBE75D7FF1F4}" destId="{7BEF3604-30EE-44B6-9831-F944ABA6CFEB}" srcOrd="2" destOrd="0" presId="urn:microsoft.com/office/officeart/2005/8/layout/bProcess3"/>
    <dgm:cxn modelId="{57EA4471-9FE4-407F-8404-84E899BA1053}" type="presParOf" srcId="{8C9A77AD-53E6-478D-98E4-DBE75D7FF1F4}" destId="{DE4ABB8F-61A0-4DEA-9568-FAFD57D668E3}" srcOrd="3" destOrd="0" presId="urn:microsoft.com/office/officeart/2005/8/layout/bProcess3"/>
    <dgm:cxn modelId="{D06FC65D-7D34-40B8-A055-10BCAD7B240A}" type="presParOf" srcId="{DE4ABB8F-61A0-4DEA-9568-FAFD57D668E3}" destId="{CC2EC3A3-DDB4-4100-A56B-92454F144D81}" srcOrd="0" destOrd="0" presId="urn:microsoft.com/office/officeart/2005/8/layout/bProcess3"/>
    <dgm:cxn modelId="{37380D62-8925-496B-A6B0-475234001467}" type="presParOf" srcId="{8C9A77AD-53E6-478D-98E4-DBE75D7FF1F4}" destId="{3F5EA2CD-9228-42DC-8E9B-293D7E6DC52C}" srcOrd="4" destOrd="0" presId="urn:microsoft.com/office/officeart/2005/8/layout/bProcess3"/>
    <dgm:cxn modelId="{C5B0BB79-AE5A-4ECB-B16E-373F49361790}" type="presParOf" srcId="{8C9A77AD-53E6-478D-98E4-DBE75D7FF1F4}" destId="{77073A89-32FD-4649-A0B8-5E05E332FF76}" srcOrd="5" destOrd="0" presId="urn:microsoft.com/office/officeart/2005/8/layout/bProcess3"/>
    <dgm:cxn modelId="{1D8A45EE-D515-4DBA-BBBD-A6EA2D1B2BD2}" type="presParOf" srcId="{77073A89-32FD-4649-A0B8-5E05E332FF76}" destId="{37CA7DE4-12EF-46F0-8CFC-30A7FACDBFD4}" srcOrd="0" destOrd="0" presId="urn:microsoft.com/office/officeart/2005/8/layout/bProcess3"/>
    <dgm:cxn modelId="{9D19A45D-EEE4-4B56-9D3A-240A4D6AB947}" type="presParOf" srcId="{8C9A77AD-53E6-478D-98E4-DBE75D7FF1F4}" destId="{11B87E66-B8FD-4B45-BA12-6DA98F56F778}" srcOrd="6" destOrd="0" presId="urn:microsoft.com/office/officeart/2005/8/layout/bProcess3"/>
    <dgm:cxn modelId="{89BA7AB6-F463-4D37-B0A8-1F9BEEA6BAA1}" type="presParOf" srcId="{8C9A77AD-53E6-478D-98E4-DBE75D7FF1F4}" destId="{800D1572-AB30-4A5A-A1EE-3583CDAAA328}" srcOrd="7" destOrd="0" presId="urn:microsoft.com/office/officeart/2005/8/layout/bProcess3"/>
    <dgm:cxn modelId="{C4999675-CD95-40DD-809E-7DFDE268CD78}" type="presParOf" srcId="{800D1572-AB30-4A5A-A1EE-3583CDAAA328}" destId="{90EB0A55-FDBD-4AA6-977A-DDAAFF02B5D8}" srcOrd="0" destOrd="0" presId="urn:microsoft.com/office/officeart/2005/8/layout/bProcess3"/>
    <dgm:cxn modelId="{D42DBEB1-87B6-4A4C-BC97-D951AC75D794}" type="presParOf" srcId="{8C9A77AD-53E6-478D-98E4-DBE75D7FF1F4}" destId="{220C64B2-B22A-496D-B69B-8869916F6F00}" srcOrd="8" destOrd="0" presId="urn:microsoft.com/office/officeart/2005/8/layout/bProcess3"/>
    <dgm:cxn modelId="{FE930433-96B9-449C-A627-EE327CF1937F}" type="presParOf" srcId="{8C9A77AD-53E6-478D-98E4-DBE75D7FF1F4}" destId="{C3E90D02-BEF0-4BFB-B98B-BE584E2252BD}" srcOrd="9" destOrd="0" presId="urn:microsoft.com/office/officeart/2005/8/layout/bProcess3"/>
    <dgm:cxn modelId="{8F6B0227-7504-4912-A95E-86FFAD5405CF}" type="presParOf" srcId="{C3E90D02-BEF0-4BFB-B98B-BE584E2252BD}" destId="{CE9A7F6E-6A3F-4383-9F66-566F2CF17745}" srcOrd="0" destOrd="0" presId="urn:microsoft.com/office/officeart/2005/8/layout/bProcess3"/>
    <dgm:cxn modelId="{E82AA1C4-3DCA-4FA4-9C58-DB9F47791848}" type="presParOf" srcId="{8C9A77AD-53E6-478D-98E4-DBE75D7FF1F4}" destId="{F98BAE2C-C5BA-43CB-863F-2FB20053E10C}" srcOrd="10" destOrd="0" presId="urn:microsoft.com/office/officeart/2005/8/layout/bProcess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3661ABBB-7EF1-438D-B05E-166AECF9EEB9}"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0596DD1F-384C-4EBB-AB9F-E601ECAC929D}">
      <dgm:prSet/>
      <dgm:spPr/>
      <dgm:t>
        <a:bodyPr/>
        <a:lstStyle/>
        <a:p>
          <a:r>
            <a:rPr lang="en-US"/>
            <a:t>Problem Definition</a:t>
          </a:r>
        </a:p>
      </dgm:t>
    </dgm:pt>
    <dgm:pt modelId="{1E43FB71-F613-4D19-B685-C4A6D35233B5}" type="parTrans" cxnId="{B356849A-74A8-4045-88B9-A7081CF5A865}">
      <dgm:prSet/>
      <dgm:spPr/>
      <dgm:t>
        <a:bodyPr/>
        <a:lstStyle/>
        <a:p>
          <a:endParaRPr lang="en-US"/>
        </a:p>
      </dgm:t>
    </dgm:pt>
    <dgm:pt modelId="{CF7AACA2-82DD-4857-BAE5-09EEDD3E6907}" type="sibTrans" cxnId="{B356849A-74A8-4045-88B9-A7081CF5A865}">
      <dgm:prSet/>
      <dgm:spPr/>
      <dgm:t>
        <a:bodyPr/>
        <a:lstStyle/>
        <a:p>
          <a:endParaRPr lang="en-US"/>
        </a:p>
      </dgm:t>
    </dgm:pt>
    <dgm:pt modelId="{0C1EAC5E-8AC3-49BB-AC77-03182C31552C}">
      <dgm:prSet/>
      <dgm:spPr/>
      <dgm:t>
        <a:bodyPr/>
        <a:lstStyle/>
        <a:p>
          <a:r>
            <a:rPr lang="en-US"/>
            <a:t>Need to automate bank statement reconciliation.</a:t>
          </a:r>
        </a:p>
      </dgm:t>
    </dgm:pt>
    <dgm:pt modelId="{45064528-DD64-4583-8D59-F2FDE8ECE935}" type="parTrans" cxnId="{3C5B66B7-B81C-4DF9-8E86-3F91F6C48477}">
      <dgm:prSet/>
      <dgm:spPr/>
      <dgm:t>
        <a:bodyPr/>
        <a:lstStyle/>
        <a:p>
          <a:endParaRPr lang="en-US"/>
        </a:p>
      </dgm:t>
    </dgm:pt>
    <dgm:pt modelId="{94F7EF6A-9436-4DE3-8E48-90EE0F2D07FC}" type="sibTrans" cxnId="{3C5B66B7-B81C-4DF9-8E86-3F91F6C48477}">
      <dgm:prSet/>
      <dgm:spPr/>
      <dgm:t>
        <a:bodyPr/>
        <a:lstStyle/>
        <a:p>
          <a:endParaRPr lang="en-US"/>
        </a:p>
      </dgm:t>
    </dgm:pt>
    <dgm:pt modelId="{74BF45A4-E771-4824-A75E-49A77623C08D}">
      <dgm:prSet/>
      <dgm:spPr/>
      <dgm:t>
        <a:bodyPr/>
        <a:lstStyle/>
        <a:p>
          <a:r>
            <a:rPr lang="en-US"/>
            <a:t>Problem Analysis</a:t>
          </a:r>
        </a:p>
      </dgm:t>
    </dgm:pt>
    <dgm:pt modelId="{87085E1C-5EFC-4439-8C67-7CF45DC0BF4C}" type="parTrans" cxnId="{DC4B3764-B9B3-4BBC-8A41-5FF1D8C8D519}">
      <dgm:prSet/>
      <dgm:spPr/>
      <dgm:t>
        <a:bodyPr/>
        <a:lstStyle/>
        <a:p>
          <a:endParaRPr lang="en-US"/>
        </a:p>
      </dgm:t>
    </dgm:pt>
    <dgm:pt modelId="{AC905EE6-6A37-4041-AC8A-27413A6C8AD4}" type="sibTrans" cxnId="{DC4B3764-B9B3-4BBC-8A41-5FF1D8C8D519}">
      <dgm:prSet/>
      <dgm:spPr/>
      <dgm:t>
        <a:bodyPr/>
        <a:lstStyle/>
        <a:p>
          <a:endParaRPr lang="en-US"/>
        </a:p>
      </dgm:t>
    </dgm:pt>
    <dgm:pt modelId="{1B8D0512-DECA-456C-8D4A-074027724CE3}">
      <dgm:prSet/>
      <dgm:spPr/>
      <dgm:t>
        <a:bodyPr/>
        <a:lstStyle/>
        <a:p>
          <a:r>
            <a:rPr lang="en-US"/>
            <a:t>Identify data (e.g., transaction dates, amounts) to compare.</a:t>
          </a:r>
        </a:p>
      </dgm:t>
    </dgm:pt>
    <dgm:pt modelId="{B4189D08-BA04-4A7F-BD95-8675B6674EB8}" type="parTrans" cxnId="{8B3CC2C9-3E0C-4CC2-A6A0-E766E5899877}">
      <dgm:prSet/>
      <dgm:spPr/>
      <dgm:t>
        <a:bodyPr/>
        <a:lstStyle/>
        <a:p>
          <a:endParaRPr lang="en-US"/>
        </a:p>
      </dgm:t>
    </dgm:pt>
    <dgm:pt modelId="{A061D2B3-9F3E-412A-AA77-43B6202029A6}" type="sibTrans" cxnId="{8B3CC2C9-3E0C-4CC2-A6A0-E766E5899877}">
      <dgm:prSet/>
      <dgm:spPr/>
      <dgm:t>
        <a:bodyPr/>
        <a:lstStyle/>
        <a:p>
          <a:endParaRPr lang="en-US"/>
        </a:p>
      </dgm:t>
    </dgm:pt>
    <dgm:pt modelId="{AB3F8D10-95AB-4D91-BB73-1926954518FF}">
      <dgm:prSet/>
      <dgm:spPr/>
      <dgm:t>
        <a:bodyPr/>
        <a:lstStyle/>
        <a:p>
          <a:r>
            <a:rPr lang="en-US"/>
            <a:t>Algorithm Development</a:t>
          </a:r>
        </a:p>
      </dgm:t>
    </dgm:pt>
    <dgm:pt modelId="{B7B9BF56-CE6C-4233-90B1-566A1A56BEEB}" type="parTrans" cxnId="{C6D23E7F-14A6-4BD3-81F9-7E015495DF1A}">
      <dgm:prSet/>
      <dgm:spPr/>
      <dgm:t>
        <a:bodyPr/>
        <a:lstStyle/>
        <a:p>
          <a:endParaRPr lang="en-US"/>
        </a:p>
      </dgm:t>
    </dgm:pt>
    <dgm:pt modelId="{ADAC5E35-CBE3-47ED-B0CB-11DC953F6BF0}" type="sibTrans" cxnId="{C6D23E7F-14A6-4BD3-81F9-7E015495DF1A}">
      <dgm:prSet/>
      <dgm:spPr/>
      <dgm:t>
        <a:bodyPr/>
        <a:lstStyle/>
        <a:p>
          <a:endParaRPr lang="en-US"/>
        </a:p>
      </dgm:t>
    </dgm:pt>
    <dgm:pt modelId="{858FCE81-0FDB-4F36-99E2-26056B65D930}">
      <dgm:prSet/>
      <dgm:spPr/>
      <dgm:t>
        <a:bodyPr/>
        <a:lstStyle/>
        <a:p>
          <a:r>
            <a:rPr lang="en-US"/>
            <a:t>Plan how to match transactions and flag discrepancies.</a:t>
          </a:r>
        </a:p>
      </dgm:t>
    </dgm:pt>
    <dgm:pt modelId="{82327CF9-8B3F-4E18-B249-1E88B51DFEF3}" type="parTrans" cxnId="{30F77C76-807E-43B1-B00C-E2500F0F79B2}">
      <dgm:prSet/>
      <dgm:spPr/>
      <dgm:t>
        <a:bodyPr/>
        <a:lstStyle/>
        <a:p>
          <a:endParaRPr lang="en-US"/>
        </a:p>
      </dgm:t>
    </dgm:pt>
    <dgm:pt modelId="{FD22E541-7182-4914-997F-09398A1F8C09}" type="sibTrans" cxnId="{30F77C76-807E-43B1-B00C-E2500F0F79B2}">
      <dgm:prSet/>
      <dgm:spPr/>
      <dgm:t>
        <a:bodyPr/>
        <a:lstStyle/>
        <a:p>
          <a:endParaRPr lang="en-US"/>
        </a:p>
      </dgm:t>
    </dgm:pt>
    <dgm:pt modelId="{7E8460FA-AB8B-481B-9559-AE4369589DBA}">
      <dgm:prSet/>
      <dgm:spPr/>
      <dgm:t>
        <a:bodyPr/>
        <a:lstStyle/>
        <a:p>
          <a:r>
            <a:rPr lang="en-US"/>
            <a:t>Coding &amp; Documentation</a:t>
          </a:r>
        </a:p>
      </dgm:t>
    </dgm:pt>
    <dgm:pt modelId="{1C340705-A8D7-40C4-B21B-636B1E57684C}" type="parTrans" cxnId="{D411D555-FA05-4D26-B6A2-DD851AACB41B}">
      <dgm:prSet/>
      <dgm:spPr/>
      <dgm:t>
        <a:bodyPr/>
        <a:lstStyle/>
        <a:p>
          <a:endParaRPr lang="en-US"/>
        </a:p>
      </dgm:t>
    </dgm:pt>
    <dgm:pt modelId="{E8B17A47-8D4B-4FF2-8823-EE7E6F840F52}" type="sibTrans" cxnId="{D411D555-FA05-4D26-B6A2-DD851AACB41B}">
      <dgm:prSet/>
      <dgm:spPr/>
      <dgm:t>
        <a:bodyPr/>
        <a:lstStyle/>
        <a:p>
          <a:endParaRPr lang="en-US"/>
        </a:p>
      </dgm:t>
    </dgm:pt>
    <dgm:pt modelId="{7014D595-6A3E-4D01-8DFD-0572B46A3A78}">
      <dgm:prSet/>
      <dgm:spPr/>
      <dgm:t>
        <a:bodyPr/>
        <a:lstStyle/>
        <a:p>
          <a:r>
            <a:rPr lang="en-US"/>
            <a:t>Write a Python script to automate the reconciliation.</a:t>
          </a:r>
        </a:p>
      </dgm:t>
    </dgm:pt>
    <dgm:pt modelId="{641B62A6-B72C-4755-828A-25EF354FDB80}" type="parTrans" cxnId="{0995442C-A52D-4A95-A510-9B332280DF50}">
      <dgm:prSet/>
      <dgm:spPr/>
      <dgm:t>
        <a:bodyPr/>
        <a:lstStyle/>
        <a:p>
          <a:endParaRPr lang="en-US"/>
        </a:p>
      </dgm:t>
    </dgm:pt>
    <dgm:pt modelId="{8C259B75-C275-4A7B-BC83-AD1576490492}" type="sibTrans" cxnId="{0995442C-A52D-4A95-A510-9B332280DF50}">
      <dgm:prSet/>
      <dgm:spPr/>
      <dgm:t>
        <a:bodyPr/>
        <a:lstStyle/>
        <a:p>
          <a:endParaRPr lang="en-US"/>
        </a:p>
      </dgm:t>
    </dgm:pt>
    <dgm:pt modelId="{BB029808-F6E7-403D-A14D-A0CD4DCD7652}">
      <dgm:prSet/>
      <dgm:spPr/>
      <dgm:t>
        <a:bodyPr/>
        <a:lstStyle/>
        <a:p>
          <a:r>
            <a:rPr lang="en-US"/>
            <a:t>Testing &amp; Debugging</a:t>
          </a:r>
        </a:p>
      </dgm:t>
    </dgm:pt>
    <dgm:pt modelId="{DBA71467-EF59-427A-A65A-95AA6EE16922}" type="parTrans" cxnId="{7EF44A3B-1E16-4CFC-AEC9-252F6F25F4E2}">
      <dgm:prSet/>
      <dgm:spPr/>
      <dgm:t>
        <a:bodyPr/>
        <a:lstStyle/>
        <a:p>
          <a:endParaRPr lang="en-US"/>
        </a:p>
      </dgm:t>
    </dgm:pt>
    <dgm:pt modelId="{B339C44D-CF60-48E9-8B57-12F1EA89E163}" type="sibTrans" cxnId="{7EF44A3B-1E16-4CFC-AEC9-252F6F25F4E2}">
      <dgm:prSet/>
      <dgm:spPr/>
      <dgm:t>
        <a:bodyPr/>
        <a:lstStyle/>
        <a:p>
          <a:endParaRPr lang="en-US"/>
        </a:p>
      </dgm:t>
    </dgm:pt>
    <dgm:pt modelId="{25D9F7FD-CDF8-4B99-83F4-60D852C51EB1}">
      <dgm:prSet/>
      <dgm:spPr/>
      <dgm:t>
        <a:bodyPr/>
        <a:lstStyle/>
        <a:p>
          <a:r>
            <a:rPr lang="en-US"/>
            <a:t>Run the script with sample data, fix any issues</a:t>
          </a:r>
        </a:p>
      </dgm:t>
    </dgm:pt>
    <dgm:pt modelId="{12CA68F9-2FFA-4C0C-BC44-D585AFC703D8}" type="parTrans" cxnId="{9A1B6CF3-9933-4927-B12F-99D9486F7136}">
      <dgm:prSet/>
      <dgm:spPr/>
      <dgm:t>
        <a:bodyPr/>
        <a:lstStyle/>
        <a:p>
          <a:endParaRPr lang="en-US"/>
        </a:p>
      </dgm:t>
    </dgm:pt>
    <dgm:pt modelId="{AF2239FF-6260-4526-A0DE-8A9993A8994B}" type="sibTrans" cxnId="{9A1B6CF3-9933-4927-B12F-99D9486F7136}">
      <dgm:prSet/>
      <dgm:spPr/>
      <dgm:t>
        <a:bodyPr/>
        <a:lstStyle/>
        <a:p>
          <a:endParaRPr lang="en-US"/>
        </a:p>
      </dgm:t>
    </dgm:pt>
    <dgm:pt modelId="{BFAB9E86-86D7-4CF0-9ABA-FDA207D60D8D}">
      <dgm:prSet/>
      <dgm:spPr/>
      <dgm:t>
        <a:bodyPr/>
        <a:lstStyle/>
        <a:p>
          <a:r>
            <a:rPr lang="en-US"/>
            <a:t>Maintenance</a:t>
          </a:r>
        </a:p>
      </dgm:t>
    </dgm:pt>
    <dgm:pt modelId="{C783BA37-1F05-4202-A5C2-E5F2BA8E7E0D}" type="parTrans" cxnId="{99BEBC6D-5202-4EF3-8092-E4801DF8BB29}">
      <dgm:prSet/>
      <dgm:spPr/>
      <dgm:t>
        <a:bodyPr/>
        <a:lstStyle/>
        <a:p>
          <a:endParaRPr lang="en-US"/>
        </a:p>
      </dgm:t>
    </dgm:pt>
    <dgm:pt modelId="{0C85A9C3-710F-450C-BCE2-EF31B81F7582}" type="sibTrans" cxnId="{99BEBC6D-5202-4EF3-8092-E4801DF8BB29}">
      <dgm:prSet/>
      <dgm:spPr/>
      <dgm:t>
        <a:bodyPr/>
        <a:lstStyle/>
        <a:p>
          <a:endParaRPr lang="en-US"/>
        </a:p>
      </dgm:t>
    </dgm:pt>
    <dgm:pt modelId="{34B91BAA-0A47-4A0E-B6F0-ACED3E4E702D}">
      <dgm:prSet/>
      <dgm:spPr/>
      <dgm:t>
        <a:bodyPr/>
        <a:lstStyle/>
        <a:p>
          <a:r>
            <a:rPr lang="en-US"/>
            <a:t>Update the script as reconciliation rules or data change.</a:t>
          </a:r>
        </a:p>
      </dgm:t>
    </dgm:pt>
    <dgm:pt modelId="{D07117E8-5CBF-4B81-A96F-B68CA80989C2}" type="parTrans" cxnId="{AF1A113C-AAFE-4240-887D-DF8C561C8BD2}">
      <dgm:prSet/>
      <dgm:spPr/>
      <dgm:t>
        <a:bodyPr/>
        <a:lstStyle/>
        <a:p>
          <a:endParaRPr lang="en-US"/>
        </a:p>
      </dgm:t>
    </dgm:pt>
    <dgm:pt modelId="{9D71B3D8-511D-4BE0-BA71-1E0F2F6E5671}" type="sibTrans" cxnId="{AF1A113C-AAFE-4240-887D-DF8C561C8BD2}">
      <dgm:prSet/>
      <dgm:spPr/>
      <dgm:t>
        <a:bodyPr/>
        <a:lstStyle/>
        <a:p>
          <a:endParaRPr lang="en-US"/>
        </a:p>
      </dgm:t>
    </dgm:pt>
    <dgm:pt modelId="{CC5A2EA7-5FC5-4716-AC41-2F72DDF09C81}" type="pres">
      <dgm:prSet presAssocID="{3661ABBB-7EF1-438D-B05E-166AECF9EEB9}" presName="root" presStyleCnt="0">
        <dgm:presLayoutVars>
          <dgm:dir/>
          <dgm:resizeHandles val="exact"/>
        </dgm:presLayoutVars>
      </dgm:prSet>
      <dgm:spPr/>
    </dgm:pt>
    <dgm:pt modelId="{578E21F0-4DF6-4480-96A6-1929148C14C3}" type="pres">
      <dgm:prSet presAssocID="{0596DD1F-384C-4EBB-AB9F-E601ECAC929D}" presName="compNode" presStyleCnt="0"/>
      <dgm:spPr/>
    </dgm:pt>
    <dgm:pt modelId="{AB8BB423-A006-4C33-91E8-12318825558E}" type="pres">
      <dgm:prSet presAssocID="{0596DD1F-384C-4EBB-AB9F-E601ECAC929D}" presName="bgRect" presStyleLbl="bgShp" presStyleIdx="0" presStyleCnt="6"/>
      <dgm:spPr/>
    </dgm:pt>
    <dgm:pt modelId="{B85E798C-DFFA-45D1-81D1-9A983572FFAC}" type="pres">
      <dgm:prSet presAssocID="{0596DD1F-384C-4EBB-AB9F-E601ECAC929D}" presName="iconRect" presStyleLbl="node1" presStyleIdx="0" presStyleCnt="6"/>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Bank"/>
        </a:ext>
      </dgm:extLst>
    </dgm:pt>
    <dgm:pt modelId="{26343E4B-BE17-4CC5-B482-B45D472EE5F6}" type="pres">
      <dgm:prSet presAssocID="{0596DD1F-384C-4EBB-AB9F-E601ECAC929D}" presName="spaceRect" presStyleCnt="0"/>
      <dgm:spPr/>
    </dgm:pt>
    <dgm:pt modelId="{2C53CB57-BB8C-4E03-9A02-299109E0B926}" type="pres">
      <dgm:prSet presAssocID="{0596DD1F-384C-4EBB-AB9F-E601ECAC929D}" presName="parTx" presStyleLbl="revTx" presStyleIdx="0" presStyleCnt="12">
        <dgm:presLayoutVars>
          <dgm:chMax val="0"/>
          <dgm:chPref val="0"/>
        </dgm:presLayoutVars>
      </dgm:prSet>
      <dgm:spPr/>
    </dgm:pt>
    <dgm:pt modelId="{DDEDC212-870C-4116-A41C-D7D0C14F3D89}" type="pres">
      <dgm:prSet presAssocID="{0596DD1F-384C-4EBB-AB9F-E601ECAC929D}" presName="desTx" presStyleLbl="revTx" presStyleIdx="1" presStyleCnt="12">
        <dgm:presLayoutVars/>
      </dgm:prSet>
      <dgm:spPr/>
    </dgm:pt>
    <dgm:pt modelId="{004409E0-C1F0-4E3E-B211-F0E8FCA5E05B}" type="pres">
      <dgm:prSet presAssocID="{CF7AACA2-82DD-4857-BAE5-09EEDD3E6907}" presName="sibTrans" presStyleCnt="0"/>
      <dgm:spPr/>
    </dgm:pt>
    <dgm:pt modelId="{2A599B4C-E398-485C-A4B5-B988BC93ADB5}" type="pres">
      <dgm:prSet presAssocID="{74BF45A4-E771-4824-A75E-49A77623C08D}" presName="compNode" presStyleCnt="0"/>
      <dgm:spPr/>
    </dgm:pt>
    <dgm:pt modelId="{1DB89F74-496C-4AB9-853D-32CBED70BE77}" type="pres">
      <dgm:prSet presAssocID="{74BF45A4-E771-4824-A75E-49A77623C08D}" presName="bgRect" presStyleLbl="bgShp" presStyleIdx="1" presStyleCnt="6"/>
      <dgm:spPr/>
    </dgm:pt>
    <dgm:pt modelId="{00BD6203-08CD-4234-9920-E4CE34CC1C72}" type="pres">
      <dgm:prSet presAssocID="{74BF45A4-E771-4824-A75E-49A77623C08D}" presName="iconRect" presStyleLbl="node1" presStyleIdx="1" presStyleCnt="6"/>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Playing Cards"/>
        </a:ext>
      </dgm:extLst>
    </dgm:pt>
    <dgm:pt modelId="{75757E66-E3D5-4106-92B6-5E96D7899FDA}" type="pres">
      <dgm:prSet presAssocID="{74BF45A4-E771-4824-A75E-49A77623C08D}" presName="spaceRect" presStyleCnt="0"/>
      <dgm:spPr/>
    </dgm:pt>
    <dgm:pt modelId="{F2F212F2-3AD9-43A9-9ACF-D2D934574DB1}" type="pres">
      <dgm:prSet presAssocID="{74BF45A4-E771-4824-A75E-49A77623C08D}" presName="parTx" presStyleLbl="revTx" presStyleIdx="2" presStyleCnt="12">
        <dgm:presLayoutVars>
          <dgm:chMax val="0"/>
          <dgm:chPref val="0"/>
        </dgm:presLayoutVars>
      </dgm:prSet>
      <dgm:spPr/>
    </dgm:pt>
    <dgm:pt modelId="{B63C9E0E-9430-4667-9641-9B22B9392ACC}" type="pres">
      <dgm:prSet presAssocID="{74BF45A4-E771-4824-A75E-49A77623C08D}" presName="desTx" presStyleLbl="revTx" presStyleIdx="3" presStyleCnt="12">
        <dgm:presLayoutVars/>
      </dgm:prSet>
      <dgm:spPr/>
    </dgm:pt>
    <dgm:pt modelId="{36C6DA4E-8613-4518-930B-A73DA7356DE8}" type="pres">
      <dgm:prSet presAssocID="{AC905EE6-6A37-4041-AC8A-27413A6C8AD4}" presName="sibTrans" presStyleCnt="0"/>
      <dgm:spPr/>
    </dgm:pt>
    <dgm:pt modelId="{AB49BB1B-9F2C-4A33-9544-4EE42C68DFDC}" type="pres">
      <dgm:prSet presAssocID="{AB3F8D10-95AB-4D91-BB73-1926954518FF}" presName="compNode" presStyleCnt="0"/>
      <dgm:spPr/>
    </dgm:pt>
    <dgm:pt modelId="{A4B5B755-604A-4887-AC14-5F4AFA1FCF23}" type="pres">
      <dgm:prSet presAssocID="{AB3F8D10-95AB-4D91-BB73-1926954518FF}" presName="bgRect" presStyleLbl="bgShp" presStyleIdx="2" presStyleCnt="6"/>
      <dgm:spPr/>
    </dgm:pt>
    <dgm:pt modelId="{F576C59A-D0DF-49BF-BBA9-3F92D3817F24}" type="pres">
      <dgm:prSet presAssocID="{AB3F8D10-95AB-4D91-BB73-1926954518FF}" presName="iconRect" presStyleLbl="node1" presStyleIdx="2" presStyleCnt="6"/>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Checkmark"/>
        </a:ext>
      </dgm:extLst>
    </dgm:pt>
    <dgm:pt modelId="{AF29428D-09B3-498F-8626-E0577BD42ED2}" type="pres">
      <dgm:prSet presAssocID="{AB3F8D10-95AB-4D91-BB73-1926954518FF}" presName="spaceRect" presStyleCnt="0"/>
      <dgm:spPr/>
    </dgm:pt>
    <dgm:pt modelId="{009F7194-3FF2-436B-894D-8853B237FFB3}" type="pres">
      <dgm:prSet presAssocID="{AB3F8D10-95AB-4D91-BB73-1926954518FF}" presName="parTx" presStyleLbl="revTx" presStyleIdx="4" presStyleCnt="12">
        <dgm:presLayoutVars>
          <dgm:chMax val="0"/>
          <dgm:chPref val="0"/>
        </dgm:presLayoutVars>
      </dgm:prSet>
      <dgm:spPr/>
    </dgm:pt>
    <dgm:pt modelId="{919A9012-95F8-4AF7-B673-F5C1C20F832B}" type="pres">
      <dgm:prSet presAssocID="{AB3F8D10-95AB-4D91-BB73-1926954518FF}" presName="desTx" presStyleLbl="revTx" presStyleIdx="5" presStyleCnt="12">
        <dgm:presLayoutVars/>
      </dgm:prSet>
      <dgm:spPr/>
    </dgm:pt>
    <dgm:pt modelId="{8A44F444-A30B-484D-A38D-4EE7067ABC95}" type="pres">
      <dgm:prSet presAssocID="{ADAC5E35-CBE3-47ED-B0CB-11DC953F6BF0}" presName="sibTrans" presStyleCnt="0"/>
      <dgm:spPr/>
    </dgm:pt>
    <dgm:pt modelId="{A50E20C3-2515-4C19-A79E-6E2C9A53DFD3}" type="pres">
      <dgm:prSet presAssocID="{7E8460FA-AB8B-481B-9559-AE4369589DBA}" presName="compNode" presStyleCnt="0"/>
      <dgm:spPr/>
    </dgm:pt>
    <dgm:pt modelId="{B871EC20-A7A3-4E71-8347-4B6663F392AF}" type="pres">
      <dgm:prSet presAssocID="{7E8460FA-AB8B-481B-9559-AE4369589DBA}" presName="bgRect" presStyleLbl="bgShp" presStyleIdx="3" presStyleCnt="6"/>
      <dgm:spPr/>
    </dgm:pt>
    <dgm:pt modelId="{EC58E2E5-701B-47BD-B993-88D9FCACBAF5}" type="pres">
      <dgm:prSet presAssocID="{7E8460FA-AB8B-481B-9559-AE4369589DBA}" presName="iconRect" presStyleLbl="node1" presStyleIdx="3" presStyleCnt="6"/>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Programmer"/>
        </a:ext>
      </dgm:extLst>
    </dgm:pt>
    <dgm:pt modelId="{D81C6D48-B70B-44B2-854F-BF1CF4269497}" type="pres">
      <dgm:prSet presAssocID="{7E8460FA-AB8B-481B-9559-AE4369589DBA}" presName="spaceRect" presStyleCnt="0"/>
      <dgm:spPr/>
    </dgm:pt>
    <dgm:pt modelId="{B0EB9FB9-5B43-4DC2-9287-987CF2FA2741}" type="pres">
      <dgm:prSet presAssocID="{7E8460FA-AB8B-481B-9559-AE4369589DBA}" presName="parTx" presStyleLbl="revTx" presStyleIdx="6" presStyleCnt="12">
        <dgm:presLayoutVars>
          <dgm:chMax val="0"/>
          <dgm:chPref val="0"/>
        </dgm:presLayoutVars>
      </dgm:prSet>
      <dgm:spPr/>
    </dgm:pt>
    <dgm:pt modelId="{9B75474F-ED85-450E-8765-3C78017961D6}" type="pres">
      <dgm:prSet presAssocID="{7E8460FA-AB8B-481B-9559-AE4369589DBA}" presName="desTx" presStyleLbl="revTx" presStyleIdx="7" presStyleCnt="12">
        <dgm:presLayoutVars/>
      </dgm:prSet>
      <dgm:spPr/>
    </dgm:pt>
    <dgm:pt modelId="{8FE034A0-4D23-4FC7-AB99-24677932012E}" type="pres">
      <dgm:prSet presAssocID="{E8B17A47-8D4B-4FF2-8823-EE7E6F840F52}" presName="sibTrans" presStyleCnt="0"/>
      <dgm:spPr/>
    </dgm:pt>
    <dgm:pt modelId="{7C92A445-082C-4A5A-9F4B-1554A8E2F20C}" type="pres">
      <dgm:prSet presAssocID="{BB029808-F6E7-403D-A14D-A0CD4DCD7652}" presName="compNode" presStyleCnt="0"/>
      <dgm:spPr/>
    </dgm:pt>
    <dgm:pt modelId="{2A6EA678-7DC9-4C4D-A9F1-5EA7C0784516}" type="pres">
      <dgm:prSet presAssocID="{BB029808-F6E7-403D-A14D-A0CD4DCD7652}" presName="bgRect" presStyleLbl="bgShp" presStyleIdx="4" presStyleCnt="6"/>
      <dgm:spPr/>
    </dgm:pt>
    <dgm:pt modelId="{5163AF8D-66FD-4809-8924-BF18C57B2196}" type="pres">
      <dgm:prSet presAssocID="{BB029808-F6E7-403D-A14D-A0CD4DCD7652}" presName="iconRect" presStyleLbl="node1" presStyleIdx="4" presStyleCnt="6"/>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Gears"/>
        </a:ext>
      </dgm:extLst>
    </dgm:pt>
    <dgm:pt modelId="{D09FC378-2685-487F-9BF6-52893B67FAB3}" type="pres">
      <dgm:prSet presAssocID="{BB029808-F6E7-403D-A14D-A0CD4DCD7652}" presName="spaceRect" presStyleCnt="0"/>
      <dgm:spPr/>
    </dgm:pt>
    <dgm:pt modelId="{B0BE025A-03F2-4D8F-91F9-C5329101F89A}" type="pres">
      <dgm:prSet presAssocID="{BB029808-F6E7-403D-A14D-A0CD4DCD7652}" presName="parTx" presStyleLbl="revTx" presStyleIdx="8" presStyleCnt="12">
        <dgm:presLayoutVars>
          <dgm:chMax val="0"/>
          <dgm:chPref val="0"/>
        </dgm:presLayoutVars>
      </dgm:prSet>
      <dgm:spPr/>
    </dgm:pt>
    <dgm:pt modelId="{7E17B8C9-9549-4E27-AFDF-2165445B8BCD}" type="pres">
      <dgm:prSet presAssocID="{BB029808-F6E7-403D-A14D-A0CD4DCD7652}" presName="desTx" presStyleLbl="revTx" presStyleIdx="9" presStyleCnt="12">
        <dgm:presLayoutVars/>
      </dgm:prSet>
      <dgm:spPr/>
    </dgm:pt>
    <dgm:pt modelId="{A4352EDA-8838-4E09-93AE-DA7738D447C3}" type="pres">
      <dgm:prSet presAssocID="{B339C44D-CF60-48E9-8B57-12F1EA89E163}" presName="sibTrans" presStyleCnt="0"/>
      <dgm:spPr/>
    </dgm:pt>
    <dgm:pt modelId="{B367F23B-2A21-439A-96B8-EA32F62AFDF0}" type="pres">
      <dgm:prSet presAssocID="{BFAB9E86-86D7-4CF0-9ABA-FDA207D60D8D}" presName="compNode" presStyleCnt="0"/>
      <dgm:spPr/>
    </dgm:pt>
    <dgm:pt modelId="{5E9F20B2-195D-47AC-85BC-38A28F0DFA49}" type="pres">
      <dgm:prSet presAssocID="{BFAB9E86-86D7-4CF0-9ABA-FDA207D60D8D}" presName="bgRect" presStyleLbl="bgShp" presStyleIdx="5" presStyleCnt="6"/>
      <dgm:spPr/>
    </dgm:pt>
    <dgm:pt modelId="{31B524EF-9F87-4130-9E34-D0B9026B8718}" type="pres">
      <dgm:prSet presAssocID="{BFAB9E86-86D7-4CF0-9ABA-FDA207D60D8D}" presName="iconRect" presStyleLbl="node1" presStyleIdx="5" presStyleCnt="6"/>
      <dgm:spPr>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a:noFill/>
        </a:ln>
      </dgm:spPr>
      <dgm:extLst>
        <a:ext uri="{E40237B7-FDA0-4F09-8148-C483321AD2D9}">
          <dgm14:cNvPr xmlns:dgm14="http://schemas.microsoft.com/office/drawing/2010/diagram" id="0" name="" descr="Table"/>
        </a:ext>
      </dgm:extLst>
    </dgm:pt>
    <dgm:pt modelId="{75767407-88F9-4066-A249-25BE9F64B1E0}" type="pres">
      <dgm:prSet presAssocID="{BFAB9E86-86D7-4CF0-9ABA-FDA207D60D8D}" presName="spaceRect" presStyleCnt="0"/>
      <dgm:spPr/>
    </dgm:pt>
    <dgm:pt modelId="{A0842A24-7D50-4F5C-9B82-6D0A71D24847}" type="pres">
      <dgm:prSet presAssocID="{BFAB9E86-86D7-4CF0-9ABA-FDA207D60D8D}" presName="parTx" presStyleLbl="revTx" presStyleIdx="10" presStyleCnt="12">
        <dgm:presLayoutVars>
          <dgm:chMax val="0"/>
          <dgm:chPref val="0"/>
        </dgm:presLayoutVars>
      </dgm:prSet>
      <dgm:spPr/>
    </dgm:pt>
    <dgm:pt modelId="{864E5C58-9105-4F5B-8B3E-0AFA55CC9986}" type="pres">
      <dgm:prSet presAssocID="{BFAB9E86-86D7-4CF0-9ABA-FDA207D60D8D}" presName="desTx" presStyleLbl="revTx" presStyleIdx="11" presStyleCnt="12">
        <dgm:presLayoutVars/>
      </dgm:prSet>
      <dgm:spPr/>
    </dgm:pt>
  </dgm:ptLst>
  <dgm:cxnLst>
    <dgm:cxn modelId="{97D75506-3B3F-4A70-AE4E-A60CEA0F863F}" type="presOf" srcId="{74BF45A4-E771-4824-A75E-49A77623C08D}" destId="{F2F212F2-3AD9-43A9-9ACF-D2D934574DB1}" srcOrd="0" destOrd="0" presId="urn:microsoft.com/office/officeart/2018/2/layout/IconVerticalSolidList"/>
    <dgm:cxn modelId="{0995442C-A52D-4A95-A510-9B332280DF50}" srcId="{7E8460FA-AB8B-481B-9559-AE4369589DBA}" destId="{7014D595-6A3E-4D01-8DFD-0572B46A3A78}" srcOrd="0" destOrd="0" parTransId="{641B62A6-B72C-4755-828A-25EF354FDB80}" sibTransId="{8C259B75-C275-4A7B-BC83-AD1576490492}"/>
    <dgm:cxn modelId="{43A0D235-1BC8-4DCE-9346-8B009433C229}" type="presOf" srcId="{1B8D0512-DECA-456C-8D4A-074027724CE3}" destId="{B63C9E0E-9430-4667-9641-9B22B9392ACC}" srcOrd="0" destOrd="0" presId="urn:microsoft.com/office/officeart/2018/2/layout/IconVerticalSolidList"/>
    <dgm:cxn modelId="{7EF44A3B-1E16-4CFC-AEC9-252F6F25F4E2}" srcId="{3661ABBB-7EF1-438D-B05E-166AECF9EEB9}" destId="{BB029808-F6E7-403D-A14D-A0CD4DCD7652}" srcOrd="4" destOrd="0" parTransId="{DBA71467-EF59-427A-A65A-95AA6EE16922}" sibTransId="{B339C44D-CF60-48E9-8B57-12F1EA89E163}"/>
    <dgm:cxn modelId="{AF1A113C-AAFE-4240-887D-DF8C561C8BD2}" srcId="{BFAB9E86-86D7-4CF0-9ABA-FDA207D60D8D}" destId="{34B91BAA-0A47-4A0E-B6F0-ACED3E4E702D}" srcOrd="0" destOrd="0" parTransId="{D07117E8-5CBF-4B81-A96F-B68CA80989C2}" sibTransId="{9D71B3D8-511D-4BE0-BA71-1E0F2F6E5671}"/>
    <dgm:cxn modelId="{4B91AA5E-35B1-4E98-BAB1-E350C9A87698}" type="presOf" srcId="{AB3F8D10-95AB-4D91-BB73-1926954518FF}" destId="{009F7194-3FF2-436B-894D-8853B237FFB3}" srcOrd="0" destOrd="0" presId="urn:microsoft.com/office/officeart/2018/2/layout/IconVerticalSolidList"/>
    <dgm:cxn modelId="{DC4B3764-B9B3-4BBC-8A41-5FF1D8C8D519}" srcId="{3661ABBB-7EF1-438D-B05E-166AECF9EEB9}" destId="{74BF45A4-E771-4824-A75E-49A77623C08D}" srcOrd="1" destOrd="0" parTransId="{87085E1C-5EFC-4439-8C67-7CF45DC0BF4C}" sibTransId="{AC905EE6-6A37-4041-AC8A-27413A6C8AD4}"/>
    <dgm:cxn modelId="{432F4A64-2572-4B98-8BE6-0DF49643FE24}" type="presOf" srcId="{0596DD1F-384C-4EBB-AB9F-E601ECAC929D}" destId="{2C53CB57-BB8C-4E03-9A02-299109E0B926}" srcOrd="0" destOrd="0" presId="urn:microsoft.com/office/officeart/2018/2/layout/IconVerticalSolidList"/>
    <dgm:cxn modelId="{2189F06A-9055-4423-AC8E-297534C77936}" type="presOf" srcId="{BB029808-F6E7-403D-A14D-A0CD4DCD7652}" destId="{B0BE025A-03F2-4D8F-91F9-C5329101F89A}" srcOrd="0" destOrd="0" presId="urn:microsoft.com/office/officeart/2018/2/layout/IconVerticalSolidList"/>
    <dgm:cxn modelId="{99BEBC6D-5202-4EF3-8092-E4801DF8BB29}" srcId="{3661ABBB-7EF1-438D-B05E-166AECF9EEB9}" destId="{BFAB9E86-86D7-4CF0-9ABA-FDA207D60D8D}" srcOrd="5" destOrd="0" parTransId="{C783BA37-1F05-4202-A5C2-E5F2BA8E7E0D}" sibTransId="{0C85A9C3-710F-450C-BCE2-EF31B81F7582}"/>
    <dgm:cxn modelId="{46FB7E6F-68DE-489F-8CEF-E799F66E283B}" type="presOf" srcId="{7014D595-6A3E-4D01-8DFD-0572B46A3A78}" destId="{9B75474F-ED85-450E-8765-3C78017961D6}" srcOrd="0" destOrd="0" presId="urn:microsoft.com/office/officeart/2018/2/layout/IconVerticalSolidList"/>
    <dgm:cxn modelId="{15220D75-021E-4CFD-859E-03F0C776A37F}" type="presOf" srcId="{858FCE81-0FDB-4F36-99E2-26056B65D930}" destId="{919A9012-95F8-4AF7-B673-F5C1C20F832B}" srcOrd="0" destOrd="0" presId="urn:microsoft.com/office/officeart/2018/2/layout/IconVerticalSolidList"/>
    <dgm:cxn modelId="{D411D555-FA05-4D26-B6A2-DD851AACB41B}" srcId="{3661ABBB-7EF1-438D-B05E-166AECF9EEB9}" destId="{7E8460FA-AB8B-481B-9559-AE4369589DBA}" srcOrd="3" destOrd="0" parTransId="{1C340705-A8D7-40C4-B21B-636B1E57684C}" sibTransId="{E8B17A47-8D4B-4FF2-8823-EE7E6F840F52}"/>
    <dgm:cxn modelId="{30F77C76-807E-43B1-B00C-E2500F0F79B2}" srcId="{AB3F8D10-95AB-4D91-BB73-1926954518FF}" destId="{858FCE81-0FDB-4F36-99E2-26056B65D930}" srcOrd="0" destOrd="0" parTransId="{82327CF9-8B3F-4E18-B249-1E88B51DFEF3}" sibTransId="{FD22E541-7182-4914-997F-09398A1F8C09}"/>
    <dgm:cxn modelId="{C6D23E7F-14A6-4BD3-81F9-7E015495DF1A}" srcId="{3661ABBB-7EF1-438D-B05E-166AECF9EEB9}" destId="{AB3F8D10-95AB-4D91-BB73-1926954518FF}" srcOrd="2" destOrd="0" parTransId="{B7B9BF56-CE6C-4233-90B1-566A1A56BEEB}" sibTransId="{ADAC5E35-CBE3-47ED-B0CB-11DC953F6BF0}"/>
    <dgm:cxn modelId="{A64AC888-10CC-4166-8E90-9136B1756343}" type="presOf" srcId="{25D9F7FD-CDF8-4B99-83F4-60D852C51EB1}" destId="{7E17B8C9-9549-4E27-AFDF-2165445B8BCD}" srcOrd="0" destOrd="0" presId="urn:microsoft.com/office/officeart/2018/2/layout/IconVerticalSolidList"/>
    <dgm:cxn modelId="{F921518A-6393-4204-9862-CF26352CA34B}" type="presOf" srcId="{34B91BAA-0A47-4A0E-B6F0-ACED3E4E702D}" destId="{864E5C58-9105-4F5B-8B3E-0AFA55CC9986}" srcOrd="0" destOrd="0" presId="urn:microsoft.com/office/officeart/2018/2/layout/IconVerticalSolidList"/>
    <dgm:cxn modelId="{B356849A-74A8-4045-88B9-A7081CF5A865}" srcId="{3661ABBB-7EF1-438D-B05E-166AECF9EEB9}" destId="{0596DD1F-384C-4EBB-AB9F-E601ECAC929D}" srcOrd="0" destOrd="0" parTransId="{1E43FB71-F613-4D19-B685-C4A6D35233B5}" sibTransId="{CF7AACA2-82DD-4857-BAE5-09EEDD3E6907}"/>
    <dgm:cxn modelId="{2AA3659D-4DD1-4E77-85A3-C6D5BC3534F1}" type="presOf" srcId="{7E8460FA-AB8B-481B-9559-AE4369589DBA}" destId="{B0EB9FB9-5B43-4DC2-9287-987CF2FA2741}" srcOrd="0" destOrd="0" presId="urn:microsoft.com/office/officeart/2018/2/layout/IconVerticalSolidList"/>
    <dgm:cxn modelId="{3C5B66B7-B81C-4DF9-8E86-3F91F6C48477}" srcId="{0596DD1F-384C-4EBB-AB9F-E601ECAC929D}" destId="{0C1EAC5E-8AC3-49BB-AC77-03182C31552C}" srcOrd="0" destOrd="0" parTransId="{45064528-DD64-4583-8D59-F2FDE8ECE935}" sibTransId="{94F7EF6A-9436-4DE3-8E48-90EE0F2D07FC}"/>
    <dgm:cxn modelId="{8B3CC2C9-3E0C-4CC2-A6A0-E766E5899877}" srcId="{74BF45A4-E771-4824-A75E-49A77623C08D}" destId="{1B8D0512-DECA-456C-8D4A-074027724CE3}" srcOrd="0" destOrd="0" parTransId="{B4189D08-BA04-4A7F-BD95-8675B6674EB8}" sibTransId="{A061D2B3-9F3E-412A-AA77-43B6202029A6}"/>
    <dgm:cxn modelId="{586556E5-789E-45E8-802A-0470FF2B0C63}" type="presOf" srcId="{3661ABBB-7EF1-438D-B05E-166AECF9EEB9}" destId="{CC5A2EA7-5FC5-4716-AC41-2F72DDF09C81}" srcOrd="0" destOrd="0" presId="urn:microsoft.com/office/officeart/2018/2/layout/IconVerticalSolidList"/>
    <dgm:cxn modelId="{2FED4CE8-B46D-4496-93E4-C4E9AFD461E6}" type="presOf" srcId="{BFAB9E86-86D7-4CF0-9ABA-FDA207D60D8D}" destId="{A0842A24-7D50-4F5C-9B82-6D0A71D24847}" srcOrd="0" destOrd="0" presId="urn:microsoft.com/office/officeart/2018/2/layout/IconVerticalSolidList"/>
    <dgm:cxn modelId="{7460B2EF-88DE-4077-9072-6D41EBF26CD6}" type="presOf" srcId="{0C1EAC5E-8AC3-49BB-AC77-03182C31552C}" destId="{DDEDC212-870C-4116-A41C-D7D0C14F3D89}" srcOrd="0" destOrd="0" presId="urn:microsoft.com/office/officeart/2018/2/layout/IconVerticalSolidList"/>
    <dgm:cxn modelId="{9A1B6CF3-9933-4927-B12F-99D9486F7136}" srcId="{BB029808-F6E7-403D-A14D-A0CD4DCD7652}" destId="{25D9F7FD-CDF8-4B99-83F4-60D852C51EB1}" srcOrd="0" destOrd="0" parTransId="{12CA68F9-2FFA-4C0C-BC44-D585AFC703D8}" sibTransId="{AF2239FF-6260-4526-A0DE-8A9993A8994B}"/>
    <dgm:cxn modelId="{CC1AEB99-8A2B-4507-9670-FC5F058B3FB7}" type="presParOf" srcId="{CC5A2EA7-5FC5-4716-AC41-2F72DDF09C81}" destId="{578E21F0-4DF6-4480-96A6-1929148C14C3}" srcOrd="0" destOrd="0" presId="urn:microsoft.com/office/officeart/2018/2/layout/IconVerticalSolidList"/>
    <dgm:cxn modelId="{957C7653-EDBA-4C2D-940A-B23E2A1E55B8}" type="presParOf" srcId="{578E21F0-4DF6-4480-96A6-1929148C14C3}" destId="{AB8BB423-A006-4C33-91E8-12318825558E}" srcOrd="0" destOrd="0" presId="urn:microsoft.com/office/officeart/2018/2/layout/IconVerticalSolidList"/>
    <dgm:cxn modelId="{98999622-D330-419C-9AA8-EA1255671B49}" type="presParOf" srcId="{578E21F0-4DF6-4480-96A6-1929148C14C3}" destId="{B85E798C-DFFA-45D1-81D1-9A983572FFAC}" srcOrd="1" destOrd="0" presId="urn:microsoft.com/office/officeart/2018/2/layout/IconVerticalSolidList"/>
    <dgm:cxn modelId="{DFAF538F-E43F-4375-8638-F6EA8D160A99}" type="presParOf" srcId="{578E21F0-4DF6-4480-96A6-1929148C14C3}" destId="{26343E4B-BE17-4CC5-B482-B45D472EE5F6}" srcOrd="2" destOrd="0" presId="urn:microsoft.com/office/officeart/2018/2/layout/IconVerticalSolidList"/>
    <dgm:cxn modelId="{DBDB385E-CD82-4B74-BDAF-B214EC742DFD}" type="presParOf" srcId="{578E21F0-4DF6-4480-96A6-1929148C14C3}" destId="{2C53CB57-BB8C-4E03-9A02-299109E0B926}" srcOrd="3" destOrd="0" presId="urn:microsoft.com/office/officeart/2018/2/layout/IconVerticalSolidList"/>
    <dgm:cxn modelId="{30740138-EF00-4208-A614-7F81CD38E8A0}" type="presParOf" srcId="{578E21F0-4DF6-4480-96A6-1929148C14C3}" destId="{DDEDC212-870C-4116-A41C-D7D0C14F3D89}" srcOrd="4" destOrd="0" presId="urn:microsoft.com/office/officeart/2018/2/layout/IconVerticalSolidList"/>
    <dgm:cxn modelId="{FF8A4ED8-C548-4A3E-811D-3331C5D4A1C2}" type="presParOf" srcId="{CC5A2EA7-5FC5-4716-AC41-2F72DDF09C81}" destId="{004409E0-C1F0-4E3E-B211-F0E8FCA5E05B}" srcOrd="1" destOrd="0" presId="urn:microsoft.com/office/officeart/2018/2/layout/IconVerticalSolidList"/>
    <dgm:cxn modelId="{974C62FC-8DFD-4BD0-ABA5-AA5430BB91D8}" type="presParOf" srcId="{CC5A2EA7-5FC5-4716-AC41-2F72DDF09C81}" destId="{2A599B4C-E398-485C-A4B5-B988BC93ADB5}" srcOrd="2" destOrd="0" presId="urn:microsoft.com/office/officeart/2018/2/layout/IconVerticalSolidList"/>
    <dgm:cxn modelId="{71A0EE8C-6BDF-4076-8E6D-67940A8DA508}" type="presParOf" srcId="{2A599B4C-E398-485C-A4B5-B988BC93ADB5}" destId="{1DB89F74-496C-4AB9-853D-32CBED70BE77}" srcOrd="0" destOrd="0" presId="urn:microsoft.com/office/officeart/2018/2/layout/IconVerticalSolidList"/>
    <dgm:cxn modelId="{5FEFF2E8-ACCD-4DCC-9DB0-3593A49C12D5}" type="presParOf" srcId="{2A599B4C-E398-485C-A4B5-B988BC93ADB5}" destId="{00BD6203-08CD-4234-9920-E4CE34CC1C72}" srcOrd="1" destOrd="0" presId="urn:microsoft.com/office/officeart/2018/2/layout/IconVerticalSolidList"/>
    <dgm:cxn modelId="{E0BDA675-2CC9-43D2-8141-80B10347FAF7}" type="presParOf" srcId="{2A599B4C-E398-485C-A4B5-B988BC93ADB5}" destId="{75757E66-E3D5-4106-92B6-5E96D7899FDA}" srcOrd="2" destOrd="0" presId="urn:microsoft.com/office/officeart/2018/2/layout/IconVerticalSolidList"/>
    <dgm:cxn modelId="{51C70744-F296-4DF2-8628-140AA616E404}" type="presParOf" srcId="{2A599B4C-E398-485C-A4B5-B988BC93ADB5}" destId="{F2F212F2-3AD9-43A9-9ACF-D2D934574DB1}" srcOrd="3" destOrd="0" presId="urn:microsoft.com/office/officeart/2018/2/layout/IconVerticalSolidList"/>
    <dgm:cxn modelId="{D902E807-3169-48C1-A647-8C05BA3839C2}" type="presParOf" srcId="{2A599B4C-E398-485C-A4B5-B988BC93ADB5}" destId="{B63C9E0E-9430-4667-9641-9B22B9392ACC}" srcOrd="4" destOrd="0" presId="urn:microsoft.com/office/officeart/2018/2/layout/IconVerticalSolidList"/>
    <dgm:cxn modelId="{3E9C0603-AF88-4FF8-A1C9-DD3BC17053E5}" type="presParOf" srcId="{CC5A2EA7-5FC5-4716-AC41-2F72DDF09C81}" destId="{36C6DA4E-8613-4518-930B-A73DA7356DE8}" srcOrd="3" destOrd="0" presId="urn:microsoft.com/office/officeart/2018/2/layout/IconVerticalSolidList"/>
    <dgm:cxn modelId="{BA1A4633-A1CF-4BFA-8F30-BCB2F2476804}" type="presParOf" srcId="{CC5A2EA7-5FC5-4716-AC41-2F72DDF09C81}" destId="{AB49BB1B-9F2C-4A33-9544-4EE42C68DFDC}" srcOrd="4" destOrd="0" presId="urn:microsoft.com/office/officeart/2018/2/layout/IconVerticalSolidList"/>
    <dgm:cxn modelId="{26A81874-64DF-4DFB-9990-D19BFD3E9DE9}" type="presParOf" srcId="{AB49BB1B-9F2C-4A33-9544-4EE42C68DFDC}" destId="{A4B5B755-604A-4887-AC14-5F4AFA1FCF23}" srcOrd="0" destOrd="0" presId="urn:microsoft.com/office/officeart/2018/2/layout/IconVerticalSolidList"/>
    <dgm:cxn modelId="{A48DABA2-0F17-4A78-9D39-E1C7B73DEBD6}" type="presParOf" srcId="{AB49BB1B-9F2C-4A33-9544-4EE42C68DFDC}" destId="{F576C59A-D0DF-49BF-BBA9-3F92D3817F24}" srcOrd="1" destOrd="0" presId="urn:microsoft.com/office/officeart/2018/2/layout/IconVerticalSolidList"/>
    <dgm:cxn modelId="{A57C03BD-CC78-4D5D-A6AE-233BAC59651A}" type="presParOf" srcId="{AB49BB1B-9F2C-4A33-9544-4EE42C68DFDC}" destId="{AF29428D-09B3-498F-8626-E0577BD42ED2}" srcOrd="2" destOrd="0" presId="urn:microsoft.com/office/officeart/2018/2/layout/IconVerticalSolidList"/>
    <dgm:cxn modelId="{5644F121-6982-4F72-9766-5E5007997703}" type="presParOf" srcId="{AB49BB1B-9F2C-4A33-9544-4EE42C68DFDC}" destId="{009F7194-3FF2-436B-894D-8853B237FFB3}" srcOrd="3" destOrd="0" presId="urn:microsoft.com/office/officeart/2018/2/layout/IconVerticalSolidList"/>
    <dgm:cxn modelId="{418FA846-7017-402E-BBA2-526BC5736168}" type="presParOf" srcId="{AB49BB1B-9F2C-4A33-9544-4EE42C68DFDC}" destId="{919A9012-95F8-4AF7-B673-F5C1C20F832B}" srcOrd="4" destOrd="0" presId="urn:microsoft.com/office/officeart/2018/2/layout/IconVerticalSolidList"/>
    <dgm:cxn modelId="{715B85F5-06B9-4326-8E9B-8B1B3E4D82DE}" type="presParOf" srcId="{CC5A2EA7-5FC5-4716-AC41-2F72DDF09C81}" destId="{8A44F444-A30B-484D-A38D-4EE7067ABC95}" srcOrd="5" destOrd="0" presId="urn:microsoft.com/office/officeart/2018/2/layout/IconVerticalSolidList"/>
    <dgm:cxn modelId="{BE99158F-5761-4D1F-959C-33677A3556A7}" type="presParOf" srcId="{CC5A2EA7-5FC5-4716-AC41-2F72DDF09C81}" destId="{A50E20C3-2515-4C19-A79E-6E2C9A53DFD3}" srcOrd="6" destOrd="0" presId="urn:microsoft.com/office/officeart/2018/2/layout/IconVerticalSolidList"/>
    <dgm:cxn modelId="{9C451EA0-1800-4FE0-8E68-7ECC6A1D92B5}" type="presParOf" srcId="{A50E20C3-2515-4C19-A79E-6E2C9A53DFD3}" destId="{B871EC20-A7A3-4E71-8347-4B6663F392AF}" srcOrd="0" destOrd="0" presId="urn:microsoft.com/office/officeart/2018/2/layout/IconVerticalSolidList"/>
    <dgm:cxn modelId="{1F3C9B58-B1F6-41AF-ACE8-7C48C8927A1F}" type="presParOf" srcId="{A50E20C3-2515-4C19-A79E-6E2C9A53DFD3}" destId="{EC58E2E5-701B-47BD-B993-88D9FCACBAF5}" srcOrd="1" destOrd="0" presId="urn:microsoft.com/office/officeart/2018/2/layout/IconVerticalSolidList"/>
    <dgm:cxn modelId="{80DA5E52-798A-4AD8-95C8-7EC3062DBDB9}" type="presParOf" srcId="{A50E20C3-2515-4C19-A79E-6E2C9A53DFD3}" destId="{D81C6D48-B70B-44B2-854F-BF1CF4269497}" srcOrd="2" destOrd="0" presId="urn:microsoft.com/office/officeart/2018/2/layout/IconVerticalSolidList"/>
    <dgm:cxn modelId="{6065DA99-D5B1-4DBA-AC8F-963A6D8A95CD}" type="presParOf" srcId="{A50E20C3-2515-4C19-A79E-6E2C9A53DFD3}" destId="{B0EB9FB9-5B43-4DC2-9287-987CF2FA2741}" srcOrd="3" destOrd="0" presId="urn:microsoft.com/office/officeart/2018/2/layout/IconVerticalSolidList"/>
    <dgm:cxn modelId="{CB78A184-6F63-4998-AFF1-186CA568D9AF}" type="presParOf" srcId="{A50E20C3-2515-4C19-A79E-6E2C9A53DFD3}" destId="{9B75474F-ED85-450E-8765-3C78017961D6}" srcOrd="4" destOrd="0" presId="urn:microsoft.com/office/officeart/2018/2/layout/IconVerticalSolidList"/>
    <dgm:cxn modelId="{10B2D250-D020-40E5-ACCF-B316EB15D5EF}" type="presParOf" srcId="{CC5A2EA7-5FC5-4716-AC41-2F72DDF09C81}" destId="{8FE034A0-4D23-4FC7-AB99-24677932012E}" srcOrd="7" destOrd="0" presId="urn:microsoft.com/office/officeart/2018/2/layout/IconVerticalSolidList"/>
    <dgm:cxn modelId="{55584EC0-8339-4A01-954C-8E8BB675E1A5}" type="presParOf" srcId="{CC5A2EA7-5FC5-4716-AC41-2F72DDF09C81}" destId="{7C92A445-082C-4A5A-9F4B-1554A8E2F20C}" srcOrd="8" destOrd="0" presId="urn:microsoft.com/office/officeart/2018/2/layout/IconVerticalSolidList"/>
    <dgm:cxn modelId="{DBAD3070-AF85-425B-B91B-9325D2A5E2CE}" type="presParOf" srcId="{7C92A445-082C-4A5A-9F4B-1554A8E2F20C}" destId="{2A6EA678-7DC9-4C4D-A9F1-5EA7C0784516}" srcOrd="0" destOrd="0" presId="urn:microsoft.com/office/officeart/2018/2/layout/IconVerticalSolidList"/>
    <dgm:cxn modelId="{85A28106-AA98-48ED-AAB1-1B1477A4624C}" type="presParOf" srcId="{7C92A445-082C-4A5A-9F4B-1554A8E2F20C}" destId="{5163AF8D-66FD-4809-8924-BF18C57B2196}" srcOrd="1" destOrd="0" presId="urn:microsoft.com/office/officeart/2018/2/layout/IconVerticalSolidList"/>
    <dgm:cxn modelId="{E1FBEB68-963E-4652-8914-D55AC2EAFF00}" type="presParOf" srcId="{7C92A445-082C-4A5A-9F4B-1554A8E2F20C}" destId="{D09FC378-2685-487F-9BF6-52893B67FAB3}" srcOrd="2" destOrd="0" presId="urn:microsoft.com/office/officeart/2018/2/layout/IconVerticalSolidList"/>
    <dgm:cxn modelId="{99894049-FDD5-4DCA-8DD9-7A652125A496}" type="presParOf" srcId="{7C92A445-082C-4A5A-9F4B-1554A8E2F20C}" destId="{B0BE025A-03F2-4D8F-91F9-C5329101F89A}" srcOrd="3" destOrd="0" presId="urn:microsoft.com/office/officeart/2018/2/layout/IconVerticalSolidList"/>
    <dgm:cxn modelId="{FEF8E157-BC72-41FC-93D8-8F1DB0B7B857}" type="presParOf" srcId="{7C92A445-082C-4A5A-9F4B-1554A8E2F20C}" destId="{7E17B8C9-9549-4E27-AFDF-2165445B8BCD}" srcOrd="4" destOrd="0" presId="urn:microsoft.com/office/officeart/2018/2/layout/IconVerticalSolidList"/>
    <dgm:cxn modelId="{F36EAC49-909F-4730-BDED-125318A640A9}" type="presParOf" srcId="{CC5A2EA7-5FC5-4716-AC41-2F72DDF09C81}" destId="{A4352EDA-8838-4E09-93AE-DA7738D447C3}" srcOrd="9" destOrd="0" presId="urn:microsoft.com/office/officeart/2018/2/layout/IconVerticalSolidList"/>
    <dgm:cxn modelId="{59949CF0-2922-45B7-A94E-F3D19FDD594B}" type="presParOf" srcId="{CC5A2EA7-5FC5-4716-AC41-2F72DDF09C81}" destId="{B367F23B-2A21-439A-96B8-EA32F62AFDF0}" srcOrd="10" destOrd="0" presId="urn:microsoft.com/office/officeart/2018/2/layout/IconVerticalSolidList"/>
    <dgm:cxn modelId="{81376F58-FD66-4D8C-8DA6-5EB3987F90D4}" type="presParOf" srcId="{B367F23B-2A21-439A-96B8-EA32F62AFDF0}" destId="{5E9F20B2-195D-47AC-85BC-38A28F0DFA49}" srcOrd="0" destOrd="0" presId="urn:microsoft.com/office/officeart/2018/2/layout/IconVerticalSolidList"/>
    <dgm:cxn modelId="{66F91ECE-B862-4C41-8C68-16284FD7F2A8}" type="presParOf" srcId="{B367F23B-2A21-439A-96B8-EA32F62AFDF0}" destId="{31B524EF-9F87-4130-9E34-D0B9026B8718}" srcOrd="1" destOrd="0" presId="urn:microsoft.com/office/officeart/2018/2/layout/IconVerticalSolidList"/>
    <dgm:cxn modelId="{66215058-8AE0-4795-8FF8-52173350EE58}" type="presParOf" srcId="{B367F23B-2A21-439A-96B8-EA32F62AFDF0}" destId="{75767407-88F9-4066-A249-25BE9F64B1E0}" srcOrd="2" destOrd="0" presId="urn:microsoft.com/office/officeart/2018/2/layout/IconVerticalSolidList"/>
    <dgm:cxn modelId="{7784CE4A-4D31-411B-BC92-5DE9FBA6B8E9}" type="presParOf" srcId="{B367F23B-2A21-439A-96B8-EA32F62AFDF0}" destId="{A0842A24-7D50-4F5C-9B82-6D0A71D24847}" srcOrd="3" destOrd="0" presId="urn:microsoft.com/office/officeart/2018/2/layout/IconVerticalSolidList"/>
    <dgm:cxn modelId="{D3DE393C-3461-4C2C-9415-5958E6C438E9}" type="presParOf" srcId="{B367F23B-2A21-439A-96B8-EA32F62AFDF0}" destId="{864E5C58-9105-4F5B-8B3E-0AFA55CC9986}" srcOrd="4"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051D9AF4-E652-47E4-ACD2-5B9C23B22E29}" type="doc">
      <dgm:prSet loTypeId="urn:microsoft.com/office/officeart/2018/5/layout/CenteredIconLabelDescriptionList" loCatId="icon" qsTypeId="urn:microsoft.com/office/officeart/2005/8/quickstyle/simple1" qsCatId="simple" csTypeId="urn:microsoft.com/office/officeart/2005/8/colors/accent3_2" csCatId="accent3" phldr="1"/>
      <dgm:spPr/>
      <dgm:t>
        <a:bodyPr/>
        <a:lstStyle/>
        <a:p>
          <a:endParaRPr lang="en-US"/>
        </a:p>
      </dgm:t>
    </dgm:pt>
    <dgm:pt modelId="{5C2C2A17-84A6-457A-8593-5332B6ACF576}">
      <dgm:prSet/>
      <dgm:spPr/>
      <dgm:t>
        <a:bodyPr/>
        <a:lstStyle/>
        <a:p>
          <a:pPr>
            <a:defRPr b="1"/>
          </a:pPr>
          <a:r>
            <a:rPr lang="en-US"/>
            <a:t>What is Python?: </a:t>
          </a:r>
        </a:p>
      </dgm:t>
    </dgm:pt>
    <dgm:pt modelId="{48C52391-DFCC-4647-AD20-FB813992F8D7}" type="parTrans" cxnId="{46E67251-CC34-48F9-B982-4E253C9863F8}">
      <dgm:prSet/>
      <dgm:spPr/>
      <dgm:t>
        <a:bodyPr/>
        <a:lstStyle/>
        <a:p>
          <a:endParaRPr lang="en-US"/>
        </a:p>
      </dgm:t>
    </dgm:pt>
    <dgm:pt modelId="{53056A50-AAE0-437B-94F8-37F1966B32A9}" type="sibTrans" cxnId="{46E67251-CC34-48F9-B982-4E253C9863F8}">
      <dgm:prSet/>
      <dgm:spPr/>
      <dgm:t>
        <a:bodyPr/>
        <a:lstStyle/>
        <a:p>
          <a:endParaRPr lang="en-US"/>
        </a:p>
      </dgm:t>
    </dgm:pt>
    <dgm:pt modelId="{CE03DEB8-DD2A-453B-B0AE-FF81C2133B47}">
      <dgm:prSet/>
      <dgm:spPr/>
      <dgm:t>
        <a:bodyPr/>
        <a:lstStyle/>
        <a:p>
          <a:r>
            <a:rPr lang="en-US"/>
            <a:t>A simple, versatile programming language.</a:t>
          </a:r>
        </a:p>
      </dgm:t>
    </dgm:pt>
    <dgm:pt modelId="{0E6BC5AC-3254-42C8-8E45-2A36CE91B971}" type="parTrans" cxnId="{689066FE-A708-49AD-8974-DBF94B6C1FE6}">
      <dgm:prSet/>
      <dgm:spPr/>
      <dgm:t>
        <a:bodyPr/>
        <a:lstStyle/>
        <a:p>
          <a:endParaRPr lang="en-US"/>
        </a:p>
      </dgm:t>
    </dgm:pt>
    <dgm:pt modelId="{7EE30DC6-2909-47CD-BB09-E6D90D57FB57}" type="sibTrans" cxnId="{689066FE-A708-49AD-8974-DBF94B6C1FE6}">
      <dgm:prSet/>
      <dgm:spPr/>
      <dgm:t>
        <a:bodyPr/>
        <a:lstStyle/>
        <a:p>
          <a:endParaRPr lang="en-US"/>
        </a:p>
      </dgm:t>
    </dgm:pt>
    <dgm:pt modelId="{BD5DD61F-E2D6-42B2-9E38-8F1E0EE949D0}">
      <dgm:prSet/>
      <dgm:spPr/>
      <dgm:t>
        <a:bodyPr/>
        <a:lstStyle/>
        <a:p>
          <a:pPr>
            <a:defRPr b="1"/>
          </a:pPr>
          <a:r>
            <a:rPr lang="en-US"/>
            <a:t>Why Python?: </a:t>
          </a:r>
        </a:p>
      </dgm:t>
    </dgm:pt>
    <dgm:pt modelId="{1151F1CC-59B1-49CE-A87C-7174DAB21C2E}" type="parTrans" cxnId="{25CEE840-941F-4DC8-9EB9-09C4C238646A}">
      <dgm:prSet/>
      <dgm:spPr/>
      <dgm:t>
        <a:bodyPr/>
        <a:lstStyle/>
        <a:p>
          <a:endParaRPr lang="en-US"/>
        </a:p>
      </dgm:t>
    </dgm:pt>
    <dgm:pt modelId="{E871231B-9F2D-48CB-95E4-10249F87188D}" type="sibTrans" cxnId="{25CEE840-941F-4DC8-9EB9-09C4C238646A}">
      <dgm:prSet/>
      <dgm:spPr/>
      <dgm:t>
        <a:bodyPr/>
        <a:lstStyle/>
        <a:p>
          <a:endParaRPr lang="en-US"/>
        </a:p>
      </dgm:t>
    </dgm:pt>
    <dgm:pt modelId="{5934EB3B-73A1-43FF-B89B-89C32B313A6E}">
      <dgm:prSet/>
      <dgm:spPr/>
      <dgm:t>
        <a:bodyPr/>
        <a:lstStyle/>
        <a:p>
          <a:r>
            <a:rPr lang="en-US"/>
            <a:t>Easy to learn, widely used in data analysis, finance, and automation.</a:t>
          </a:r>
        </a:p>
      </dgm:t>
    </dgm:pt>
    <dgm:pt modelId="{4ADE9A0D-B9E6-433B-88BC-B01F498941F1}" type="parTrans" cxnId="{59786AF8-EDFE-4EF3-8493-32DB76793376}">
      <dgm:prSet/>
      <dgm:spPr/>
      <dgm:t>
        <a:bodyPr/>
        <a:lstStyle/>
        <a:p>
          <a:endParaRPr lang="en-US"/>
        </a:p>
      </dgm:t>
    </dgm:pt>
    <dgm:pt modelId="{0FD04BE8-AB6F-410D-8314-4DA6CC044268}" type="sibTrans" cxnId="{59786AF8-EDFE-4EF3-8493-32DB76793376}">
      <dgm:prSet/>
      <dgm:spPr/>
      <dgm:t>
        <a:bodyPr/>
        <a:lstStyle/>
        <a:p>
          <a:endParaRPr lang="en-US"/>
        </a:p>
      </dgm:t>
    </dgm:pt>
    <dgm:pt modelId="{49070A13-2A65-4714-96FB-3BF7A7E74F00}" type="pres">
      <dgm:prSet presAssocID="{051D9AF4-E652-47E4-ACD2-5B9C23B22E29}" presName="root" presStyleCnt="0">
        <dgm:presLayoutVars>
          <dgm:dir/>
          <dgm:resizeHandles val="exact"/>
        </dgm:presLayoutVars>
      </dgm:prSet>
      <dgm:spPr/>
    </dgm:pt>
    <dgm:pt modelId="{BA8F7C6E-3F9A-49BD-B47A-8ADC33FD54F3}" type="pres">
      <dgm:prSet presAssocID="{5C2C2A17-84A6-457A-8593-5332B6ACF576}" presName="compNode" presStyleCnt="0"/>
      <dgm:spPr/>
    </dgm:pt>
    <dgm:pt modelId="{61E9AEF8-2868-45FB-BCE5-91A57D67EB1B}" type="pres">
      <dgm:prSet presAssocID="{5C2C2A17-84A6-457A-8593-5332B6ACF576}" presName="iconRect" presStyleLbl="node1" presStyleIdx="0" presStyleCnt="2"/>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Programmer"/>
        </a:ext>
      </dgm:extLst>
    </dgm:pt>
    <dgm:pt modelId="{D45EB1DA-82D7-4483-B916-2A32738C3170}" type="pres">
      <dgm:prSet presAssocID="{5C2C2A17-84A6-457A-8593-5332B6ACF576}" presName="iconSpace" presStyleCnt="0"/>
      <dgm:spPr/>
    </dgm:pt>
    <dgm:pt modelId="{1E21525E-FDF3-4622-91B1-D839C8EF09CB}" type="pres">
      <dgm:prSet presAssocID="{5C2C2A17-84A6-457A-8593-5332B6ACF576}" presName="parTx" presStyleLbl="revTx" presStyleIdx="0" presStyleCnt="4">
        <dgm:presLayoutVars>
          <dgm:chMax val="0"/>
          <dgm:chPref val="0"/>
        </dgm:presLayoutVars>
      </dgm:prSet>
      <dgm:spPr/>
    </dgm:pt>
    <dgm:pt modelId="{8B9AFD41-FC0D-4244-8E46-DBB87D65CD72}" type="pres">
      <dgm:prSet presAssocID="{5C2C2A17-84A6-457A-8593-5332B6ACF576}" presName="txSpace" presStyleCnt="0"/>
      <dgm:spPr/>
    </dgm:pt>
    <dgm:pt modelId="{37E70DB1-DF36-48EE-B4E5-7E2ABD60ED66}" type="pres">
      <dgm:prSet presAssocID="{5C2C2A17-84A6-457A-8593-5332B6ACF576}" presName="desTx" presStyleLbl="revTx" presStyleIdx="1" presStyleCnt="4">
        <dgm:presLayoutVars/>
      </dgm:prSet>
      <dgm:spPr/>
    </dgm:pt>
    <dgm:pt modelId="{E9147458-D86C-41FF-B6C1-0E5CC9F0F14E}" type="pres">
      <dgm:prSet presAssocID="{53056A50-AAE0-437B-94F8-37F1966B32A9}" presName="sibTrans" presStyleCnt="0"/>
      <dgm:spPr/>
    </dgm:pt>
    <dgm:pt modelId="{7DD63632-8166-4437-9AC0-39CD777F26BE}" type="pres">
      <dgm:prSet presAssocID="{BD5DD61F-E2D6-42B2-9E38-8F1E0EE949D0}" presName="compNode" presStyleCnt="0"/>
      <dgm:spPr/>
    </dgm:pt>
    <dgm:pt modelId="{2FFBE49D-FCA2-434A-AC23-285B1E7D685C}" type="pres">
      <dgm:prSet presAssocID="{BD5DD61F-E2D6-42B2-9E38-8F1E0EE949D0}" presName="iconRect" presStyleLbl="node1" presStyleIdx="1" presStyleCnt="2"/>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Robot"/>
        </a:ext>
      </dgm:extLst>
    </dgm:pt>
    <dgm:pt modelId="{905BC0BA-4B14-4095-91BF-44BA7BA38836}" type="pres">
      <dgm:prSet presAssocID="{BD5DD61F-E2D6-42B2-9E38-8F1E0EE949D0}" presName="iconSpace" presStyleCnt="0"/>
      <dgm:spPr/>
    </dgm:pt>
    <dgm:pt modelId="{27B0BCDC-9B05-4028-A996-223E072ED7BA}" type="pres">
      <dgm:prSet presAssocID="{BD5DD61F-E2D6-42B2-9E38-8F1E0EE949D0}" presName="parTx" presStyleLbl="revTx" presStyleIdx="2" presStyleCnt="4">
        <dgm:presLayoutVars>
          <dgm:chMax val="0"/>
          <dgm:chPref val="0"/>
        </dgm:presLayoutVars>
      </dgm:prSet>
      <dgm:spPr/>
    </dgm:pt>
    <dgm:pt modelId="{C7FAA20A-0804-4294-A67A-3E899A30C211}" type="pres">
      <dgm:prSet presAssocID="{BD5DD61F-E2D6-42B2-9E38-8F1E0EE949D0}" presName="txSpace" presStyleCnt="0"/>
      <dgm:spPr/>
    </dgm:pt>
    <dgm:pt modelId="{71803328-C4B4-4F09-9CD3-06A2C93B0830}" type="pres">
      <dgm:prSet presAssocID="{BD5DD61F-E2D6-42B2-9E38-8F1E0EE949D0}" presName="desTx" presStyleLbl="revTx" presStyleIdx="3" presStyleCnt="4">
        <dgm:presLayoutVars/>
      </dgm:prSet>
      <dgm:spPr/>
    </dgm:pt>
  </dgm:ptLst>
  <dgm:cxnLst>
    <dgm:cxn modelId="{931E6422-32C1-4D33-AE5B-E73687968386}" type="presOf" srcId="{051D9AF4-E652-47E4-ACD2-5B9C23B22E29}" destId="{49070A13-2A65-4714-96FB-3BF7A7E74F00}" srcOrd="0" destOrd="0" presId="urn:microsoft.com/office/officeart/2018/5/layout/CenteredIconLabelDescriptionList"/>
    <dgm:cxn modelId="{D3DB6C3B-9111-4E3C-B64A-DBF1A8A93401}" type="presOf" srcId="{CE03DEB8-DD2A-453B-B0AE-FF81C2133B47}" destId="{37E70DB1-DF36-48EE-B4E5-7E2ABD60ED66}" srcOrd="0" destOrd="0" presId="urn:microsoft.com/office/officeart/2018/5/layout/CenteredIconLabelDescriptionList"/>
    <dgm:cxn modelId="{25CEE840-941F-4DC8-9EB9-09C4C238646A}" srcId="{051D9AF4-E652-47E4-ACD2-5B9C23B22E29}" destId="{BD5DD61F-E2D6-42B2-9E38-8F1E0EE949D0}" srcOrd="1" destOrd="0" parTransId="{1151F1CC-59B1-49CE-A87C-7174DAB21C2E}" sibTransId="{E871231B-9F2D-48CB-95E4-10249F87188D}"/>
    <dgm:cxn modelId="{46E67251-CC34-48F9-B982-4E253C9863F8}" srcId="{051D9AF4-E652-47E4-ACD2-5B9C23B22E29}" destId="{5C2C2A17-84A6-457A-8593-5332B6ACF576}" srcOrd="0" destOrd="0" parTransId="{48C52391-DFCC-4647-AD20-FB813992F8D7}" sibTransId="{53056A50-AAE0-437B-94F8-37F1966B32A9}"/>
    <dgm:cxn modelId="{A4101F81-4D26-44AA-9FCE-C1EFD748F013}" type="presOf" srcId="{BD5DD61F-E2D6-42B2-9E38-8F1E0EE949D0}" destId="{27B0BCDC-9B05-4028-A996-223E072ED7BA}" srcOrd="0" destOrd="0" presId="urn:microsoft.com/office/officeart/2018/5/layout/CenteredIconLabelDescriptionList"/>
    <dgm:cxn modelId="{B33FC6A9-482B-4BDA-B156-EDF5FD44F85D}" type="presOf" srcId="{5C2C2A17-84A6-457A-8593-5332B6ACF576}" destId="{1E21525E-FDF3-4622-91B1-D839C8EF09CB}" srcOrd="0" destOrd="0" presId="urn:microsoft.com/office/officeart/2018/5/layout/CenteredIconLabelDescriptionList"/>
    <dgm:cxn modelId="{59786AF8-EDFE-4EF3-8493-32DB76793376}" srcId="{BD5DD61F-E2D6-42B2-9E38-8F1E0EE949D0}" destId="{5934EB3B-73A1-43FF-B89B-89C32B313A6E}" srcOrd="0" destOrd="0" parTransId="{4ADE9A0D-B9E6-433B-88BC-B01F498941F1}" sibTransId="{0FD04BE8-AB6F-410D-8314-4DA6CC044268}"/>
    <dgm:cxn modelId="{E05BDBFD-0E35-4F6F-8444-877A2844A9E8}" type="presOf" srcId="{5934EB3B-73A1-43FF-B89B-89C32B313A6E}" destId="{71803328-C4B4-4F09-9CD3-06A2C93B0830}" srcOrd="0" destOrd="0" presId="urn:microsoft.com/office/officeart/2018/5/layout/CenteredIconLabelDescriptionList"/>
    <dgm:cxn modelId="{689066FE-A708-49AD-8974-DBF94B6C1FE6}" srcId="{5C2C2A17-84A6-457A-8593-5332B6ACF576}" destId="{CE03DEB8-DD2A-453B-B0AE-FF81C2133B47}" srcOrd="0" destOrd="0" parTransId="{0E6BC5AC-3254-42C8-8E45-2A36CE91B971}" sibTransId="{7EE30DC6-2909-47CD-BB09-E6D90D57FB57}"/>
    <dgm:cxn modelId="{A44CDE37-DBA5-4985-A3F0-2E116DB0B721}" type="presParOf" srcId="{49070A13-2A65-4714-96FB-3BF7A7E74F00}" destId="{BA8F7C6E-3F9A-49BD-B47A-8ADC33FD54F3}" srcOrd="0" destOrd="0" presId="urn:microsoft.com/office/officeart/2018/5/layout/CenteredIconLabelDescriptionList"/>
    <dgm:cxn modelId="{9882B9D7-EF62-4397-A237-942A788F27D1}" type="presParOf" srcId="{BA8F7C6E-3F9A-49BD-B47A-8ADC33FD54F3}" destId="{61E9AEF8-2868-45FB-BCE5-91A57D67EB1B}" srcOrd="0" destOrd="0" presId="urn:microsoft.com/office/officeart/2018/5/layout/CenteredIconLabelDescriptionList"/>
    <dgm:cxn modelId="{C4A68FB9-64A5-49EE-B9D7-4CC0BE8A8AE7}" type="presParOf" srcId="{BA8F7C6E-3F9A-49BD-B47A-8ADC33FD54F3}" destId="{D45EB1DA-82D7-4483-B916-2A32738C3170}" srcOrd="1" destOrd="0" presId="urn:microsoft.com/office/officeart/2018/5/layout/CenteredIconLabelDescriptionList"/>
    <dgm:cxn modelId="{E8B5DCA5-A785-4603-BA5E-F5D9EAE3FC13}" type="presParOf" srcId="{BA8F7C6E-3F9A-49BD-B47A-8ADC33FD54F3}" destId="{1E21525E-FDF3-4622-91B1-D839C8EF09CB}" srcOrd="2" destOrd="0" presId="urn:microsoft.com/office/officeart/2018/5/layout/CenteredIconLabelDescriptionList"/>
    <dgm:cxn modelId="{859272C9-4AA3-4A27-91A5-F5EC861DE064}" type="presParOf" srcId="{BA8F7C6E-3F9A-49BD-B47A-8ADC33FD54F3}" destId="{8B9AFD41-FC0D-4244-8E46-DBB87D65CD72}" srcOrd="3" destOrd="0" presId="urn:microsoft.com/office/officeart/2018/5/layout/CenteredIconLabelDescriptionList"/>
    <dgm:cxn modelId="{90421E84-E7FD-450E-BDB8-D3FE973194D6}" type="presParOf" srcId="{BA8F7C6E-3F9A-49BD-B47A-8ADC33FD54F3}" destId="{37E70DB1-DF36-48EE-B4E5-7E2ABD60ED66}" srcOrd="4" destOrd="0" presId="urn:microsoft.com/office/officeart/2018/5/layout/CenteredIconLabelDescriptionList"/>
    <dgm:cxn modelId="{0C2A7BC0-D102-42E4-ACA4-DA23844DF312}" type="presParOf" srcId="{49070A13-2A65-4714-96FB-3BF7A7E74F00}" destId="{E9147458-D86C-41FF-B6C1-0E5CC9F0F14E}" srcOrd="1" destOrd="0" presId="urn:microsoft.com/office/officeart/2018/5/layout/CenteredIconLabelDescriptionList"/>
    <dgm:cxn modelId="{6B02300C-0C79-48F8-A21A-2D0CFB147701}" type="presParOf" srcId="{49070A13-2A65-4714-96FB-3BF7A7E74F00}" destId="{7DD63632-8166-4437-9AC0-39CD777F26BE}" srcOrd="2" destOrd="0" presId="urn:microsoft.com/office/officeart/2018/5/layout/CenteredIconLabelDescriptionList"/>
    <dgm:cxn modelId="{51A1B720-155D-4BC6-BE1E-622A2FEEE99F}" type="presParOf" srcId="{7DD63632-8166-4437-9AC0-39CD777F26BE}" destId="{2FFBE49D-FCA2-434A-AC23-285B1E7D685C}" srcOrd="0" destOrd="0" presId="urn:microsoft.com/office/officeart/2018/5/layout/CenteredIconLabelDescriptionList"/>
    <dgm:cxn modelId="{4C5162EB-8842-404D-849B-5D2191862F45}" type="presParOf" srcId="{7DD63632-8166-4437-9AC0-39CD777F26BE}" destId="{905BC0BA-4B14-4095-91BF-44BA7BA38836}" srcOrd="1" destOrd="0" presId="urn:microsoft.com/office/officeart/2018/5/layout/CenteredIconLabelDescriptionList"/>
    <dgm:cxn modelId="{8D551834-7056-439E-83BF-BC1A144557EB}" type="presParOf" srcId="{7DD63632-8166-4437-9AC0-39CD777F26BE}" destId="{27B0BCDC-9B05-4028-A996-223E072ED7BA}" srcOrd="2" destOrd="0" presId="urn:microsoft.com/office/officeart/2018/5/layout/CenteredIconLabelDescriptionList"/>
    <dgm:cxn modelId="{63296269-BF9D-48FD-A34A-FFC7EE1016C9}" type="presParOf" srcId="{7DD63632-8166-4437-9AC0-39CD777F26BE}" destId="{C7FAA20A-0804-4294-A67A-3E899A30C211}" srcOrd="3" destOrd="0" presId="urn:microsoft.com/office/officeart/2018/5/layout/CenteredIconLabelDescriptionList"/>
    <dgm:cxn modelId="{4BDCDC68-B3D9-4B5D-A53B-69326AE1C944}" type="presParOf" srcId="{7DD63632-8166-4437-9AC0-39CD777F26BE}" destId="{71803328-C4B4-4F09-9CD3-06A2C93B0830}" srcOrd="4" destOrd="0" presId="urn:microsoft.com/office/officeart/2018/5/layout/CenteredIconLabelDescription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EC7106F8-3A2A-470D-93BD-EB27151328AD}" type="doc">
      <dgm:prSet loTypeId="urn:microsoft.com/office/officeart/2018/2/layout/IconLabelDescriptionList" loCatId="icon" qsTypeId="urn:microsoft.com/office/officeart/2005/8/quickstyle/simple1" qsCatId="simple" csTypeId="urn:microsoft.com/office/officeart/2005/8/colors/accent2_2" csCatId="accent2" phldr="1"/>
      <dgm:spPr/>
      <dgm:t>
        <a:bodyPr/>
        <a:lstStyle/>
        <a:p>
          <a:endParaRPr lang="en-US"/>
        </a:p>
      </dgm:t>
    </dgm:pt>
    <dgm:pt modelId="{705028C0-1D7D-4895-8FD5-7770D6ABC618}">
      <dgm:prSet/>
      <dgm:spPr/>
      <dgm:t>
        <a:bodyPr/>
        <a:lstStyle/>
        <a:p>
          <a:pPr>
            <a:defRPr b="1"/>
          </a:pPr>
          <a:r>
            <a:rPr lang="en-US"/>
            <a:t>Precision</a:t>
          </a:r>
        </a:p>
      </dgm:t>
    </dgm:pt>
    <dgm:pt modelId="{47C4EB06-1381-4A50-B43B-CCC32CE75356}" type="parTrans" cxnId="{F52B66F0-B18F-485E-BBC6-90EA14E8FA6E}">
      <dgm:prSet/>
      <dgm:spPr/>
      <dgm:t>
        <a:bodyPr/>
        <a:lstStyle/>
        <a:p>
          <a:endParaRPr lang="en-US"/>
        </a:p>
      </dgm:t>
    </dgm:pt>
    <dgm:pt modelId="{BE6304A4-A826-4E1E-AA89-BB606302A996}" type="sibTrans" cxnId="{F52B66F0-B18F-485E-BBC6-90EA14E8FA6E}">
      <dgm:prSet/>
      <dgm:spPr/>
      <dgm:t>
        <a:bodyPr/>
        <a:lstStyle/>
        <a:p>
          <a:endParaRPr lang="en-US"/>
        </a:p>
      </dgm:t>
    </dgm:pt>
    <dgm:pt modelId="{4ED22FDE-6E4C-4A0A-8F29-8B4B9F0124A3}">
      <dgm:prSet/>
      <dgm:spPr/>
      <dgm:t>
        <a:bodyPr/>
        <a:lstStyle/>
        <a:p>
          <a:r>
            <a:rPr lang="en-US"/>
            <a:t>Programming requires exact instructions; every detail matters.</a:t>
          </a:r>
        </a:p>
      </dgm:t>
    </dgm:pt>
    <dgm:pt modelId="{4115882A-0492-4C19-B6FC-7BCE08A36BA6}" type="parTrans" cxnId="{959AD5F5-0B6D-4DD7-898E-9B0229B136B0}">
      <dgm:prSet/>
      <dgm:spPr/>
      <dgm:t>
        <a:bodyPr/>
        <a:lstStyle/>
        <a:p>
          <a:endParaRPr lang="en-US"/>
        </a:p>
      </dgm:t>
    </dgm:pt>
    <dgm:pt modelId="{86416601-A54A-43EF-9A56-0D1441119061}" type="sibTrans" cxnId="{959AD5F5-0B6D-4DD7-898E-9B0229B136B0}">
      <dgm:prSet/>
      <dgm:spPr/>
      <dgm:t>
        <a:bodyPr/>
        <a:lstStyle/>
        <a:p>
          <a:endParaRPr lang="en-US"/>
        </a:p>
      </dgm:t>
    </dgm:pt>
    <dgm:pt modelId="{2911A211-2317-4CC5-A772-CD6B22D294E3}">
      <dgm:prSet/>
      <dgm:spPr/>
      <dgm:t>
        <a:bodyPr/>
        <a:lstStyle/>
        <a:p>
          <a:pPr>
            <a:defRPr b="1"/>
          </a:pPr>
          <a:r>
            <a:rPr lang="en-US"/>
            <a:t>Syntax</a:t>
          </a:r>
        </a:p>
      </dgm:t>
    </dgm:pt>
    <dgm:pt modelId="{2C352BFA-DD55-44EA-A1A1-595EC5F46A3B}" type="parTrans" cxnId="{6CEA4DBF-1904-4B14-8D42-8C39FF1C9929}">
      <dgm:prSet/>
      <dgm:spPr/>
      <dgm:t>
        <a:bodyPr/>
        <a:lstStyle/>
        <a:p>
          <a:endParaRPr lang="en-US"/>
        </a:p>
      </dgm:t>
    </dgm:pt>
    <dgm:pt modelId="{677E495F-C8AB-4D9B-841A-1085254BDADA}" type="sibTrans" cxnId="{6CEA4DBF-1904-4B14-8D42-8C39FF1C9929}">
      <dgm:prSet/>
      <dgm:spPr/>
      <dgm:t>
        <a:bodyPr/>
        <a:lstStyle/>
        <a:p>
          <a:endParaRPr lang="en-US"/>
        </a:p>
      </dgm:t>
    </dgm:pt>
    <dgm:pt modelId="{6FC966BC-E870-4C12-A629-202D755DC34D}">
      <dgm:prSet/>
      <dgm:spPr/>
      <dgm:t>
        <a:bodyPr/>
        <a:lstStyle/>
        <a:p>
          <a:r>
            <a:rPr lang="en-US"/>
            <a:t>Python has its own grammar, just like a language, to tell the computer what to do.</a:t>
          </a:r>
        </a:p>
      </dgm:t>
    </dgm:pt>
    <dgm:pt modelId="{F7FD0F5A-BD66-4FA3-A937-3D0DD03A4E4B}" type="parTrans" cxnId="{461F7721-4372-4454-81FE-1BAEE023DA12}">
      <dgm:prSet/>
      <dgm:spPr/>
      <dgm:t>
        <a:bodyPr/>
        <a:lstStyle/>
        <a:p>
          <a:endParaRPr lang="en-US"/>
        </a:p>
      </dgm:t>
    </dgm:pt>
    <dgm:pt modelId="{64B83613-964F-481B-A71F-DD3C096D5773}" type="sibTrans" cxnId="{461F7721-4372-4454-81FE-1BAEE023DA12}">
      <dgm:prSet/>
      <dgm:spPr/>
      <dgm:t>
        <a:bodyPr/>
        <a:lstStyle/>
        <a:p>
          <a:endParaRPr lang="en-US"/>
        </a:p>
      </dgm:t>
    </dgm:pt>
    <dgm:pt modelId="{70C1FBF1-3E0A-4F7E-BC6D-D2D7314F3132}">
      <dgm:prSet/>
      <dgm:spPr/>
      <dgm:t>
        <a:bodyPr/>
        <a:lstStyle/>
        <a:p>
          <a:pPr>
            <a:defRPr b="1"/>
          </a:pPr>
          <a:r>
            <a:rPr lang="en-US"/>
            <a:t>Readability</a:t>
          </a:r>
        </a:p>
      </dgm:t>
    </dgm:pt>
    <dgm:pt modelId="{7A446CA3-F5EE-4560-AC50-09B96461F85C}" type="parTrans" cxnId="{AEAE74BF-B86A-41C4-A10E-EAAA88FCBC3B}">
      <dgm:prSet/>
      <dgm:spPr/>
      <dgm:t>
        <a:bodyPr/>
        <a:lstStyle/>
        <a:p>
          <a:endParaRPr lang="en-US"/>
        </a:p>
      </dgm:t>
    </dgm:pt>
    <dgm:pt modelId="{BA13EA19-83A6-4794-9153-72211FDFD5DE}" type="sibTrans" cxnId="{AEAE74BF-B86A-41C4-A10E-EAAA88FCBC3B}">
      <dgm:prSet/>
      <dgm:spPr/>
      <dgm:t>
        <a:bodyPr/>
        <a:lstStyle/>
        <a:p>
          <a:endParaRPr lang="en-US"/>
        </a:p>
      </dgm:t>
    </dgm:pt>
    <dgm:pt modelId="{44A996E0-AF15-407F-B884-AFF7E3EE4884}">
      <dgm:prSet/>
      <dgm:spPr/>
      <dgm:t>
        <a:bodyPr/>
        <a:lstStyle/>
        <a:p>
          <a:r>
            <a:rPr lang="en-US"/>
            <a:t>Python is designed to be easy to read, even for beginners.</a:t>
          </a:r>
        </a:p>
      </dgm:t>
    </dgm:pt>
    <dgm:pt modelId="{34F6AFFE-BBED-4D97-8959-58528693D2E2}" type="parTrans" cxnId="{3946AE6E-7134-4FD2-B099-5B6CA93617F7}">
      <dgm:prSet/>
      <dgm:spPr/>
      <dgm:t>
        <a:bodyPr/>
        <a:lstStyle/>
        <a:p>
          <a:endParaRPr lang="en-US"/>
        </a:p>
      </dgm:t>
    </dgm:pt>
    <dgm:pt modelId="{1547E138-D7F5-45C3-AAD0-41FF98A3B8DA}" type="sibTrans" cxnId="{3946AE6E-7134-4FD2-B099-5B6CA93617F7}">
      <dgm:prSet/>
      <dgm:spPr/>
      <dgm:t>
        <a:bodyPr/>
        <a:lstStyle/>
        <a:p>
          <a:endParaRPr lang="en-US"/>
        </a:p>
      </dgm:t>
    </dgm:pt>
    <dgm:pt modelId="{527ACFA5-D9B2-49E5-8D07-127242C404FA}">
      <dgm:prSet/>
      <dgm:spPr/>
      <dgm:t>
        <a:bodyPr/>
        <a:lstStyle/>
        <a:p>
          <a:pPr>
            <a:defRPr b="1"/>
          </a:pPr>
          <a:r>
            <a:rPr lang="en-US"/>
            <a:t>Indentation</a:t>
          </a:r>
        </a:p>
      </dgm:t>
    </dgm:pt>
    <dgm:pt modelId="{13015215-DC7B-4AFA-893B-A900CC317A56}" type="parTrans" cxnId="{A05293C4-7B54-4A36-9693-9684A3EC50DA}">
      <dgm:prSet/>
      <dgm:spPr/>
      <dgm:t>
        <a:bodyPr/>
        <a:lstStyle/>
        <a:p>
          <a:endParaRPr lang="en-US"/>
        </a:p>
      </dgm:t>
    </dgm:pt>
    <dgm:pt modelId="{AA1E4762-E37B-41CB-9BC8-5D905B0A1001}" type="sibTrans" cxnId="{A05293C4-7B54-4A36-9693-9684A3EC50DA}">
      <dgm:prSet/>
      <dgm:spPr/>
      <dgm:t>
        <a:bodyPr/>
        <a:lstStyle/>
        <a:p>
          <a:endParaRPr lang="en-US"/>
        </a:p>
      </dgm:t>
    </dgm:pt>
    <dgm:pt modelId="{4A15B6C0-0940-4739-ABE1-9FD3E25E7EDE}">
      <dgm:prSet/>
      <dgm:spPr/>
      <dgm:t>
        <a:bodyPr/>
        <a:lstStyle/>
        <a:p>
          <a:r>
            <a:rPr lang="en-US"/>
            <a:t>The spacing (indentation) you see is important in Python; it shows the structure of the code.</a:t>
          </a:r>
        </a:p>
      </dgm:t>
    </dgm:pt>
    <dgm:pt modelId="{5107F999-64F9-4A61-8607-770C69BFAE1E}" type="parTrans" cxnId="{281C8020-FEB8-4471-A511-A5C1E4D96A74}">
      <dgm:prSet/>
      <dgm:spPr/>
      <dgm:t>
        <a:bodyPr/>
        <a:lstStyle/>
        <a:p>
          <a:endParaRPr lang="en-US"/>
        </a:p>
      </dgm:t>
    </dgm:pt>
    <dgm:pt modelId="{5C90ADA1-4FCC-4D41-A3DD-1F16E87571E3}" type="sibTrans" cxnId="{281C8020-FEB8-4471-A511-A5C1E4D96A74}">
      <dgm:prSet/>
      <dgm:spPr/>
      <dgm:t>
        <a:bodyPr/>
        <a:lstStyle/>
        <a:p>
          <a:endParaRPr lang="en-US"/>
        </a:p>
      </dgm:t>
    </dgm:pt>
    <dgm:pt modelId="{DD25628A-88C3-405C-A702-F8926127741D}">
      <dgm:prSet/>
      <dgm:spPr/>
      <dgm:t>
        <a:bodyPr/>
        <a:lstStyle/>
        <a:p>
          <a:pPr>
            <a:defRPr b="1"/>
          </a:pPr>
          <a:r>
            <a:rPr lang="en-US"/>
            <a:t>Comments</a:t>
          </a:r>
        </a:p>
      </dgm:t>
    </dgm:pt>
    <dgm:pt modelId="{7113CBC6-4939-4619-B445-9CF75AE9C101}" type="parTrans" cxnId="{B7660C34-0AD4-48F1-B6EE-1B0DA7EEEC17}">
      <dgm:prSet/>
      <dgm:spPr/>
      <dgm:t>
        <a:bodyPr/>
        <a:lstStyle/>
        <a:p>
          <a:endParaRPr lang="en-US"/>
        </a:p>
      </dgm:t>
    </dgm:pt>
    <dgm:pt modelId="{7DAD4FA4-36C0-42FA-ACC2-4DA4B40A9043}" type="sibTrans" cxnId="{B7660C34-0AD4-48F1-B6EE-1B0DA7EEEC17}">
      <dgm:prSet/>
      <dgm:spPr/>
      <dgm:t>
        <a:bodyPr/>
        <a:lstStyle/>
        <a:p>
          <a:endParaRPr lang="en-US"/>
        </a:p>
      </dgm:t>
    </dgm:pt>
    <dgm:pt modelId="{B42B31D0-DD6B-4E29-8EE4-04AD30CB6337}">
      <dgm:prSet/>
      <dgm:spPr/>
      <dgm:t>
        <a:bodyPr/>
        <a:lstStyle/>
        <a:p>
          <a:r>
            <a:rPr lang="en-US"/>
            <a:t>Text after # is ignored by the computer—it's just notes for humans to understand the code.</a:t>
          </a:r>
        </a:p>
      </dgm:t>
    </dgm:pt>
    <dgm:pt modelId="{D396D8B4-9D5D-4105-AD09-32C10330812A}" type="parTrans" cxnId="{96A1404E-2883-4E72-BA3C-1A0FB16964D4}">
      <dgm:prSet/>
      <dgm:spPr/>
      <dgm:t>
        <a:bodyPr/>
        <a:lstStyle/>
        <a:p>
          <a:endParaRPr lang="en-US"/>
        </a:p>
      </dgm:t>
    </dgm:pt>
    <dgm:pt modelId="{7719ABD2-C58B-4283-8CFB-57576B69A24E}" type="sibTrans" cxnId="{96A1404E-2883-4E72-BA3C-1A0FB16964D4}">
      <dgm:prSet/>
      <dgm:spPr/>
      <dgm:t>
        <a:bodyPr/>
        <a:lstStyle/>
        <a:p>
          <a:endParaRPr lang="en-US"/>
        </a:p>
      </dgm:t>
    </dgm:pt>
    <dgm:pt modelId="{841436E2-DB23-4DB5-8568-D4D1510A1F3D}" type="pres">
      <dgm:prSet presAssocID="{EC7106F8-3A2A-470D-93BD-EB27151328AD}" presName="root" presStyleCnt="0">
        <dgm:presLayoutVars>
          <dgm:dir/>
          <dgm:resizeHandles val="exact"/>
        </dgm:presLayoutVars>
      </dgm:prSet>
      <dgm:spPr/>
    </dgm:pt>
    <dgm:pt modelId="{D8AC5E15-1F42-4CCA-A746-5C8B78F2706E}" type="pres">
      <dgm:prSet presAssocID="{705028C0-1D7D-4895-8FD5-7770D6ABC618}" presName="compNode" presStyleCnt="0"/>
      <dgm:spPr/>
    </dgm:pt>
    <dgm:pt modelId="{1DE24B2E-612C-4C7E-81AF-4858F0ADDC10}" type="pres">
      <dgm:prSet presAssocID="{705028C0-1D7D-4895-8FD5-7770D6ABC618}" presName="iconRect" presStyleLbl="node1" presStyleIdx="0" presStyleCnt="5"/>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Processor"/>
        </a:ext>
      </dgm:extLst>
    </dgm:pt>
    <dgm:pt modelId="{00691210-B339-4DD8-A660-2165042AAC99}" type="pres">
      <dgm:prSet presAssocID="{705028C0-1D7D-4895-8FD5-7770D6ABC618}" presName="iconSpace" presStyleCnt="0"/>
      <dgm:spPr/>
    </dgm:pt>
    <dgm:pt modelId="{E7151F2B-5B2F-42B6-820E-A9C455866559}" type="pres">
      <dgm:prSet presAssocID="{705028C0-1D7D-4895-8FD5-7770D6ABC618}" presName="parTx" presStyleLbl="revTx" presStyleIdx="0" presStyleCnt="10">
        <dgm:presLayoutVars>
          <dgm:chMax val="0"/>
          <dgm:chPref val="0"/>
        </dgm:presLayoutVars>
      </dgm:prSet>
      <dgm:spPr/>
    </dgm:pt>
    <dgm:pt modelId="{AA2EA167-F3C6-4295-9AA9-44B9A6B4DD97}" type="pres">
      <dgm:prSet presAssocID="{705028C0-1D7D-4895-8FD5-7770D6ABC618}" presName="txSpace" presStyleCnt="0"/>
      <dgm:spPr/>
    </dgm:pt>
    <dgm:pt modelId="{20AC1313-B011-4D18-86E8-A3C2C520D2FB}" type="pres">
      <dgm:prSet presAssocID="{705028C0-1D7D-4895-8FD5-7770D6ABC618}" presName="desTx" presStyleLbl="revTx" presStyleIdx="1" presStyleCnt="10">
        <dgm:presLayoutVars/>
      </dgm:prSet>
      <dgm:spPr/>
    </dgm:pt>
    <dgm:pt modelId="{8E2CD218-76FE-4077-8BFD-DBE11E16D990}" type="pres">
      <dgm:prSet presAssocID="{BE6304A4-A826-4E1E-AA89-BB606302A996}" presName="sibTrans" presStyleCnt="0"/>
      <dgm:spPr/>
    </dgm:pt>
    <dgm:pt modelId="{172C3686-A8F7-44AF-8AE0-B6ABB0E974BF}" type="pres">
      <dgm:prSet presAssocID="{2911A211-2317-4CC5-A772-CD6B22D294E3}" presName="compNode" presStyleCnt="0"/>
      <dgm:spPr/>
    </dgm:pt>
    <dgm:pt modelId="{E0C36794-A9E6-41B8-9E79-C39F1B54840D}" type="pres">
      <dgm:prSet presAssocID="{2911A211-2317-4CC5-A772-CD6B22D294E3}" presName="iconRect" presStyleLbl="node1" presStyleIdx="1" presStyleCnt="5"/>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Computer"/>
        </a:ext>
      </dgm:extLst>
    </dgm:pt>
    <dgm:pt modelId="{841F2B4A-58CF-44A5-B9D3-93779127CEA3}" type="pres">
      <dgm:prSet presAssocID="{2911A211-2317-4CC5-A772-CD6B22D294E3}" presName="iconSpace" presStyleCnt="0"/>
      <dgm:spPr/>
    </dgm:pt>
    <dgm:pt modelId="{229B5D9A-75AE-43A7-B547-07547DEA017A}" type="pres">
      <dgm:prSet presAssocID="{2911A211-2317-4CC5-A772-CD6B22D294E3}" presName="parTx" presStyleLbl="revTx" presStyleIdx="2" presStyleCnt="10">
        <dgm:presLayoutVars>
          <dgm:chMax val="0"/>
          <dgm:chPref val="0"/>
        </dgm:presLayoutVars>
      </dgm:prSet>
      <dgm:spPr/>
    </dgm:pt>
    <dgm:pt modelId="{B47F9065-E4FD-4C11-8BAC-EF3F16F0C24F}" type="pres">
      <dgm:prSet presAssocID="{2911A211-2317-4CC5-A772-CD6B22D294E3}" presName="txSpace" presStyleCnt="0"/>
      <dgm:spPr/>
    </dgm:pt>
    <dgm:pt modelId="{B6B0B02D-5106-4188-8CF0-89C8461A94F5}" type="pres">
      <dgm:prSet presAssocID="{2911A211-2317-4CC5-A772-CD6B22D294E3}" presName="desTx" presStyleLbl="revTx" presStyleIdx="3" presStyleCnt="10">
        <dgm:presLayoutVars/>
      </dgm:prSet>
      <dgm:spPr/>
    </dgm:pt>
    <dgm:pt modelId="{8ED23FFB-D9CF-4346-807D-025AF5745BC0}" type="pres">
      <dgm:prSet presAssocID="{677E495F-C8AB-4D9B-841A-1085254BDADA}" presName="sibTrans" presStyleCnt="0"/>
      <dgm:spPr/>
    </dgm:pt>
    <dgm:pt modelId="{CB290961-4A98-40DE-8564-7D0FEDF9B1FF}" type="pres">
      <dgm:prSet presAssocID="{70C1FBF1-3E0A-4F7E-BC6D-D2D7314F3132}" presName="compNode" presStyleCnt="0"/>
      <dgm:spPr/>
    </dgm:pt>
    <dgm:pt modelId="{845D4627-E0EC-4D15-BD00-0C1954C62F06}" type="pres">
      <dgm:prSet presAssocID="{70C1FBF1-3E0A-4F7E-BC6D-D2D7314F3132}" presName="iconRect" presStyleLbl="node1" presStyleIdx="2" presStyleCnt="5"/>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Classroom"/>
        </a:ext>
      </dgm:extLst>
    </dgm:pt>
    <dgm:pt modelId="{AE3029D7-A0B1-4D3F-BF4D-178CB100B3C7}" type="pres">
      <dgm:prSet presAssocID="{70C1FBF1-3E0A-4F7E-BC6D-D2D7314F3132}" presName="iconSpace" presStyleCnt="0"/>
      <dgm:spPr/>
    </dgm:pt>
    <dgm:pt modelId="{F50C5A4B-4037-4CE2-A81F-673427A83D7E}" type="pres">
      <dgm:prSet presAssocID="{70C1FBF1-3E0A-4F7E-BC6D-D2D7314F3132}" presName="parTx" presStyleLbl="revTx" presStyleIdx="4" presStyleCnt="10">
        <dgm:presLayoutVars>
          <dgm:chMax val="0"/>
          <dgm:chPref val="0"/>
        </dgm:presLayoutVars>
      </dgm:prSet>
      <dgm:spPr/>
    </dgm:pt>
    <dgm:pt modelId="{823D06D5-64FE-49BD-8281-4F36F5D86604}" type="pres">
      <dgm:prSet presAssocID="{70C1FBF1-3E0A-4F7E-BC6D-D2D7314F3132}" presName="txSpace" presStyleCnt="0"/>
      <dgm:spPr/>
    </dgm:pt>
    <dgm:pt modelId="{90B0D2B5-54E9-4B2C-82CB-80AD160BC848}" type="pres">
      <dgm:prSet presAssocID="{70C1FBF1-3E0A-4F7E-BC6D-D2D7314F3132}" presName="desTx" presStyleLbl="revTx" presStyleIdx="5" presStyleCnt="10">
        <dgm:presLayoutVars/>
      </dgm:prSet>
      <dgm:spPr/>
    </dgm:pt>
    <dgm:pt modelId="{C5AD8437-6EE0-4C5C-9C1F-346BBA50F570}" type="pres">
      <dgm:prSet presAssocID="{BA13EA19-83A6-4794-9153-72211FDFD5DE}" presName="sibTrans" presStyleCnt="0"/>
      <dgm:spPr/>
    </dgm:pt>
    <dgm:pt modelId="{EAA2D793-0C31-4A00-BA2D-FB0899C67A58}" type="pres">
      <dgm:prSet presAssocID="{527ACFA5-D9B2-49E5-8D07-127242C404FA}" presName="compNode" presStyleCnt="0"/>
      <dgm:spPr/>
    </dgm:pt>
    <dgm:pt modelId="{183C41A8-C56F-4F2D-ABFC-2CA19CBE9A4E}" type="pres">
      <dgm:prSet presAssocID="{527ACFA5-D9B2-49E5-8D07-127242C404FA}" presName="iconRect" presStyleLbl="node1" presStyleIdx="3" presStyleCnt="5"/>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Programmer"/>
        </a:ext>
      </dgm:extLst>
    </dgm:pt>
    <dgm:pt modelId="{7A6D5204-B08A-4148-8C81-A316F3E56032}" type="pres">
      <dgm:prSet presAssocID="{527ACFA5-D9B2-49E5-8D07-127242C404FA}" presName="iconSpace" presStyleCnt="0"/>
      <dgm:spPr/>
    </dgm:pt>
    <dgm:pt modelId="{9E4F800A-282C-4D2C-A95F-913CB80579D4}" type="pres">
      <dgm:prSet presAssocID="{527ACFA5-D9B2-49E5-8D07-127242C404FA}" presName="parTx" presStyleLbl="revTx" presStyleIdx="6" presStyleCnt="10">
        <dgm:presLayoutVars>
          <dgm:chMax val="0"/>
          <dgm:chPref val="0"/>
        </dgm:presLayoutVars>
      </dgm:prSet>
      <dgm:spPr/>
    </dgm:pt>
    <dgm:pt modelId="{E795A79C-C000-443F-83F9-CB5DE446C416}" type="pres">
      <dgm:prSet presAssocID="{527ACFA5-D9B2-49E5-8D07-127242C404FA}" presName="txSpace" presStyleCnt="0"/>
      <dgm:spPr/>
    </dgm:pt>
    <dgm:pt modelId="{A2759F2D-87AE-4E13-9FC0-CAB7BA819868}" type="pres">
      <dgm:prSet presAssocID="{527ACFA5-D9B2-49E5-8D07-127242C404FA}" presName="desTx" presStyleLbl="revTx" presStyleIdx="7" presStyleCnt="10">
        <dgm:presLayoutVars/>
      </dgm:prSet>
      <dgm:spPr/>
    </dgm:pt>
    <dgm:pt modelId="{1AF4D40A-FF18-416C-A679-4D36B166AF36}" type="pres">
      <dgm:prSet presAssocID="{AA1E4762-E37B-41CB-9BC8-5D905B0A1001}" presName="sibTrans" presStyleCnt="0"/>
      <dgm:spPr/>
    </dgm:pt>
    <dgm:pt modelId="{6E41D0FC-AC43-4113-8CCC-6921644FD36E}" type="pres">
      <dgm:prSet presAssocID="{DD25628A-88C3-405C-A702-F8926127741D}" presName="compNode" presStyleCnt="0"/>
      <dgm:spPr/>
    </dgm:pt>
    <dgm:pt modelId="{79C9B707-753A-4DBE-AD43-BBEB75E4154A}" type="pres">
      <dgm:prSet presAssocID="{DD25628A-88C3-405C-A702-F8926127741D}" presName="iconRect" presStyleLbl="node1" presStyleIdx="4" presStyleCnt="5"/>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Quotes"/>
        </a:ext>
      </dgm:extLst>
    </dgm:pt>
    <dgm:pt modelId="{94A55AF2-3DC9-4073-9B15-9607A1F002AC}" type="pres">
      <dgm:prSet presAssocID="{DD25628A-88C3-405C-A702-F8926127741D}" presName="iconSpace" presStyleCnt="0"/>
      <dgm:spPr/>
    </dgm:pt>
    <dgm:pt modelId="{FDB62040-43A3-4430-83D9-56B3C5DE3D9B}" type="pres">
      <dgm:prSet presAssocID="{DD25628A-88C3-405C-A702-F8926127741D}" presName="parTx" presStyleLbl="revTx" presStyleIdx="8" presStyleCnt="10">
        <dgm:presLayoutVars>
          <dgm:chMax val="0"/>
          <dgm:chPref val="0"/>
        </dgm:presLayoutVars>
      </dgm:prSet>
      <dgm:spPr/>
    </dgm:pt>
    <dgm:pt modelId="{E03496D9-1D37-4D62-8E3F-F4A59D744707}" type="pres">
      <dgm:prSet presAssocID="{DD25628A-88C3-405C-A702-F8926127741D}" presName="txSpace" presStyleCnt="0"/>
      <dgm:spPr/>
    </dgm:pt>
    <dgm:pt modelId="{453B2844-728F-4D17-BD55-4E68D48C3940}" type="pres">
      <dgm:prSet presAssocID="{DD25628A-88C3-405C-A702-F8926127741D}" presName="desTx" presStyleLbl="revTx" presStyleIdx="9" presStyleCnt="10">
        <dgm:presLayoutVars/>
      </dgm:prSet>
      <dgm:spPr/>
    </dgm:pt>
  </dgm:ptLst>
  <dgm:cxnLst>
    <dgm:cxn modelId="{FD356D04-4E4E-4169-93E2-C48E0F3ED0EB}" type="presOf" srcId="{527ACFA5-D9B2-49E5-8D07-127242C404FA}" destId="{9E4F800A-282C-4D2C-A95F-913CB80579D4}" srcOrd="0" destOrd="0" presId="urn:microsoft.com/office/officeart/2018/2/layout/IconLabelDescriptionList"/>
    <dgm:cxn modelId="{281C8020-FEB8-4471-A511-A5C1E4D96A74}" srcId="{527ACFA5-D9B2-49E5-8D07-127242C404FA}" destId="{4A15B6C0-0940-4739-ABE1-9FD3E25E7EDE}" srcOrd="0" destOrd="0" parTransId="{5107F999-64F9-4A61-8607-770C69BFAE1E}" sibTransId="{5C90ADA1-4FCC-4D41-A3DD-1F16E87571E3}"/>
    <dgm:cxn modelId="{461F7721-4372-4454-81FE-1BAEE023DA12}" srcId="{2911A211-2317-4CC5-A772-CD6B22D294E3}" destId="{6FC966BC-E870-4C12-A629-202D755DC34D}" srcOrd="0" destOrd="0" parTransId="{F7FD0F5A-BD66-4FA3-A937-3D0DD03A4E4B}" sibTransId="{64B83613-964F-481B-A71F-DD3C096D5773}"/>
    <dgm:cxn modelId="{A7C1612E-34DE-49DC-A3FF-A51410BE0BAF}" type="presOf" srcId="{2911A211-2317-4CC5-A772-CD6B22D294E3}" destId="{229B5D9A-75AE-43A7-B547-07547DEA017A}" srcOrd="0" destOrd="0" presId="urn:microsoft.com/office/officeart/2018/2/layout/IconLabelDescriptionList"/>
    <dgm:cxn modelId="{B7660C34-0AD4-48F1-B6EE-1B0DA7EEEC17}" srcId="{EC7106F8-3A2A-470D-93BD-EB27151328AD}" destId="{DD25628A-88C3-405C-A702-F8926127741D}" srcOrd="4" destOrd="0" parTransId="{7113CBC6-4939-4619-B445-9CF75AE9C101}" sibTransId="{7DAD4FA4-36C0-42FA-ACC2-4DA4B40A9043}"/>
    <dgm:cxn modelId="{96A1404E-2883-4E72-BA3C-1A0FB16964D4}" srcId="{DD25628A-88C3-405C-A702-F8926127741D}" destId="{B42B31D0-DD6B-4E29-8EE4-04AD30CB6337}" srcOrd="0" destOrd="0" parTransId="{D396D8B4-9D5D-4105-AD09-32C10330812A}" sibTransId="{7719ABD2-C58B-4283-8CFB-57576B69A24E}"/>
    <dgm:cxn modelId="{3946AE6E-7134-4FD2-B099-5B6CA93617F7}" srcId="{70C1FBF1-3E0A-4F7E-BC6D-D2D7314F3132}" destId="{44A996E0-AF15-407F-B884-AFF7E3EE4884}" srcOrd="0" destOrd="0" parTransId="{34F6AFFE-BBED-4D97-8959-58528693D2E2}" sibTransId="{1547E138-D7F5-45C3-AAD0-41FF98A3B8DA}"/>
    <dgm:cxn modelId="{C111DF70-C491-4B9E-84F0-004F5E161E0B}" type="presOf" srcId="{44A996E0-AF15-407F-B884-AFF7E3EE4884}" destId="{90B0D2B5-54E9-4B2C-82CB-80AD160BC848}" srcOrd="0" destOrd="0" presId="urn:microsoft.com/office/officeart/2018/2/layout/IconLabelDescriptionList"/>
    <dgm:cxn modelId="{C37B0957-4BFA-4226-8856-D742D676FD18}" type="presOf" srcId="{4ED22FDE-6E4C-4A0A-8F29-8B4B9F0124A3}" destId="{20AC1313-B011-4D18-86E8-A3C2C520D2FB}" srcOrd="0" destOrd="0" presId="urn:microsoft.com/office/officeart/2018/2/layout/IconLabelDescriptionList"/>
    <dgm:cxn modelId="{47F4F68A-CE10-4C34-A952-F91DB87C486E}" type="presOf" srcId="{70C1FBF1-3E0A-4F7E-BC6D-D2D7314F3132}" destId="{F50C5A4B-4037-4CE2-A81F-673427A83D7E}" srcOrd="0" destOrd="0" presId="urn:microsoft.com/office/officeart/2018/2/layout/IconLabelDescriptionList"/>
    <dgm:cxn modelId="{450CCDB3-1324-4E03-B559-6DA60C3601AB}" type="presOf" srcId="{B42B31D0-DD6B-4E29-8EE4-04AD30CB6337}" destId="{453B2844-728F-4D17-BD55-4E68D48C3940}" srcOrd="0" destOrd="0" presId="urn:microsoft.com/office/officeart/2018/2/layout/IconLabelDescriptionList"/>
    <dgm:cxn modelId="{6CEA4DBF-1904-4B14-8D42-8C39FF1C9929}" srcId="{EC7106F8-3A2A-470D-93BD-EB27151328AD}" destId="{2911A211-2317-4CC5-A772-CD6B22D294E3}" srcOrd="1" destOrd="0" parTransId="{2C352BFA-DD55-44EA-A1A1-595EC5F46A3B}" sibTransId="{677E495F-C8AB-4D9B-841A-1085254BDADA}"/>
    <dgm:cxn modelId="{AEAE74BF-B86A-41C4-A10E-EAAA88FCBC3B}" srcId="{EC7106F8-3A2A-470D-93BD-EB27151328AD}" destId="{70C1FBF1-3E0A-4F7E-BC6D-D2D7314F3132}" srcOrd="2" destOrd="0" parTransId="{7A446CA3-F5EE-4560-AC50-09B96461F85C}" sibTransId="{BA13EA19-83A6-4794-9153-72211FDFD5DE}"/>
    <dgm:cxn modelId="{A05293C4-7B54-4A36-9693-9684A3EC50DA}" srcId="{EC7106F8-3A2A-470D-93BD-EB27151328AD}" destId="{527ACFA5-D9B2-49E5-8D07-127242C404FA}" srcOrd="3" destOrd="0" parTransId="{13015215-DC7B-4AFA-893B-A900CC317A56}" sibTransId="{AA1E4762-E37B-41CB-9BC8-5D905B0A1001}"/>
    <dgm:cxn modelId="{FFB892C8-33D9-4805-A76E-E8ED2AC5A0B8}" type="presOf" srcId="{DD25628A-88C3-405C-A702-F8926127741D}" destId="{FDB62040-43A3-4430-83D9-56B3C5DE3D9B}" srcOrd="0" destOrd="0" presId="urn:microsoft.com/office/officeart/2018/2/layout/IconLabelDescriptionList"/>
    <dgm:cxn modelId="{07A7D9D8-4E03-4FE0-8419-E03AF6B0CF76}" type="presOf" srcId="{EC7106F8-3A2A-470D-93BD-EB27151328AD}" destId="{841436E2-DB23-4DB5-8568-D4D1510A1F3D}" srcOrd="0" destOrd="0" presId="urn:microsoft.com/office/officeart/2018/2/layout/IconLabelDescriptionList"/>
    <dgm:cxn modelId="{806F97E6-A234-4371-B4DC-D29D251CDA32}" type="presOf" srcId="{6FC966BC-E870-4C12-A629-202D755DC34D}" destId="{B6B0B02D-5106-4188-8CF0-89C8461A94F5}" srcOrd="0" destOrd="0" presId="urn:microsoft.com/office/officeart/2018/2/layout/IconLabelDescriptionList"/>
    <dgm:cxn modelId="{DA1DFAEF-5D48-4B6E-BDA0-A5B99FCF35E7}" type="presOf" srcId="{705028C0-1D7D-4895-8FD5-7770D6ABC618}" destId="{E7151F2B-5B2F-42B6-820E-A9C455866559}" srcOrd="0" destOrd="0" presId="urn:microsoft.com/office/officeart/2018/2/layout/IconLabelDescriptionList"/>
    <dgm:cxn modelId="{F52B66F0-B18F-485E-BBC6-90EA14E8FA6E}" srcId="{EC7106F8-3A2A-470D-93BD-EB27151328AD}" destId="{705028C0-1D7D-4895-8FD5-7770D6ABC618}" srcOrd="0" destOrd="0" parTransId="{47C4EB06-1381-4A50-B43B-CCC32CE75356}" sibTransId="{BE6304A4-A826-4E1E-AA89-BB606302A996}"/>
    <dgm:cxn modelId="{959AD5F5-0B6D-4DD7-898E-9B0229B136B0}" srcId="{705028C0-1D7D-4895-8FD5-7770D6ABC618}" destId="{4ED22FDE-6E4C-4A0A-8F29-8B4B9F0124A3}" srcOrd="0" destOrd="0" parTransId="{4115882A-0492-4C19-B6FC-7BCE08A36BA6}" sibTransId="{86416601-A54A-43EF-9A56-0D1441119061}"/>
    <dgm:cxn modelId="{2BD9C1FE-93FB-4BB8-AB35-A554958B3281}" type="presOf" srcId="{4A15B6C0-0940-4739-ABE1-9FD3E25E7EDE}" destId="{A2759F2D-87AE-4E13-9FC0-CAB7BA819868}" srcOrd="0" destOrd="0" presId="urn:microsoft.com/office/officeart/2018/2/layout/IconLabelDescriptionList"/>
    <dgm:cxn modelId="{B1560DDB-F566-429A-B0F4-DC9969A1AEE9}" type="presParOf" srcId="{841436E2-DB23-4DB5-8568-D4D1510A1F3D}" destId="{D8AC5E15-1F42-4CCA-A746-5C8B78F2706E}" srcOrd="0" destOrd="0" presId="urn:microsoft.com/office/officeart/2018/2/layout/IconLabelDescriptionList"/>
    <dgm:cxn modelId="{1ADD3C26-84B8-484E-89CA-0E7897BCC130}" type="presParOf" srcId="{D8AC5E15-1F42-4CCA-A746-5C8B78F2706E}" destId="{1DE24B2E-612C-4C7E-81AF-4858F0ADDC10}" srcOrd="0" destOrd="0" presId="urn:microsoft.com/office/officeart/2018/2/layout/IconLabelDescriptionList"/>
    <dgm:cxn modelId="{23662F7E-F9DB-41BE-9D0A-1EDBABE90F15}" type="presParOf" srcId="{D8AC5E15-1F42-4CCA-A746-5C8B78F2706E}" destId="{00691210-B339-4DD8-A660-2165042AAC99}" srcOrd="1" destOrd="0" presId="urn:microsoft.com/office/officeart/2018/2/layout/IconLabelDescriptionList"/>
    <dgm:cxn modelId="{2F384A8E-7FDA-48DB-8540-2E800070282F}" type="presParOf" srcId="{D8AC5E15-1F42-4CCA-A746-5C8B78F2706E}" destId="{E7151F2B-5B2F-42B6-820E-A9C455866559}" srcOrd="2" destOrd="0" presId="urn:microsoft.com/office/officeart/2018/2/layout/IconLabelDescriptionList"/>
    <dgm:cxn modelId="{EA91394A-6D20-464F-A1DA-78BBEF673CA1}" type="presParOf" srcId="{D8AC5E15-1F42-4CCA-A746-5C8B78F2706E}" destId="{AA2EA167-F3C6-4295-9AA9-44B9A6B4DD97}" srcOrd="3" destOrd="0" presId="urn:microsoft.com/office/officeart/2018/2/layout/IconLabelDescriptionList"/>
    <dgm:cxn modelId="{8120435D-B357-4790-B58B-693A09CF9E63}" type="presParOf" srcId="{D8AC5E15-1F42-4CCA-A746-5C8B78F2706E}" destId="{20AC1313-B011-4D18-86E8-A3C2C520D2FB}" srcOrd="4" destOrd="0" presId="urn:microsoft.com/office/officeart/2018/2/layout/IconLabelDescriptionList"/>
    <dgm:cxn modelId="{AD408764-875E-4F8D-B0E7-196FD1A44045}" type="presParOf" srcId="{841436E2-DB23-4DB5-8568-D4D1510A1F3D}" destId="{8E2CD218-76FE-4077-8BFD-DBE11E16D990}" srcOrd="1" destOrd="0" presId="urn:microsoft.com/office/officeart/2018/2/layout/IconLabelDescriptionList"/>
    <dgm:cxn modelId="{86F1A7CB-17CD-48B5-A86C-0A98EF4C096F}" type="presParOf" srcId="{841436E2-DB23-4DB5-8568-D4D1510A1F3D}" destId="{172C3686-A8F7-44AF-8AE0-B6ABB0E974BF}" srcOrd="2" destOrd="0" presId="urn:microsoft.com/office/officeart/2018/2/layout/IconLabelDescriptionList"/>
    <dgm:cxn modelId="{DE86895F-D4BC-4393-B91E-5E8D29BDF4A2}" type="presParOf" srcId="{172C3686-A8F7-44AF-8AE0-B6ABB0E974BF}" destId="{E0C36794-A9E6-41B8-9E79-C39F1B54840D}" srcOrd="0" destOrd="0" presId="urn:microsoft.com/office/officeart/2018/2/layout/IconLabelDescriptionList"/>
    <dgm:cxn modelId="{406688DA-8946-4C43-86C5-9C94A6FE876E}" type="presParOf" srcId="{172C3686-A8F7-44AF-8AE0-B6ABB0E974BF}" destId="{841F2B4A-58CF-44A5-B9D3-93779127CEA3}" srcOrd="1" destOrd="0" presId="urn:microsoft.com/office/officeart/2018/2/layout/IconLabelDescriptionList"/>
    <dgm:cxn modelId="{3E612864-A5F8-4490-87FA-5B24AF1B76F1}" type="presParOf" srcId="{172C3686-A8F7-44AF-8AE0-B6ABB0E974BF}" destId="{229B5D9A-75AE-43A7-B547-07547DEA017A}" srcOrd="2" destOrd="0" presId="urn:microsoft.com/office/officeart/2018/2/layout/IconLabelDescriptionList"/>
    <dgm:cxn modelId="{5E0496D2-695D-40AE-A98F-0F7AE13DA1B8}" type="presParOf" srcId="{172C3686-A8F7-44AF-8AE0-B6ABB0E974BF}" destId="{B47F9065-E4FD-4C11-8BAC-EF3F16F0C24F}" srcOrd="3" destOrd="0" presId="urn:microsoft.com/office/officeart/2018/2/layout/IconLabelDescriptionList"/>
    <dgm:cxn modelId="{B12668DC-4339-42E2-B3B8-7CC4EC36E512}" type="presParOf" srcId="{172C3686-A8F7-44AF-8AE0-B6ABB0E974BF}" destId="{B6B0B02D-5106-4188-8CF0-89C8461A94F5}" srcOrd="4" destOrd="0" presId="urn:microsoft.com/office/officeart/2018/2/layout/IconLabelDescriptionList"/>
    <dgm:cxn modelId="{7184CA7E-2159-4D10-B846-48194787DD98}" type="presParOf" srcId="{841436E2-DB23-4DB5-8568-D4D1510A1F3D}" destId="{8ED23FFB-D9CF-4346-807D-025AF5745BC0}" srcOrd="3" destOrd="0" presId="urn:microsoft.com/office/officeart/2018/2/layout/IconLabelDescriptionList"/>
    <dgm:cxn modelId="{CA5ECF59-3235-43F0-844E-8D29A16A1672}" type="presParOf" srcId="{841436E2-DB23-4DB5-8568-D4D1510A1F3D}" destId="{CB290961-4A98-40DE-8564-7D0FEDF9B1FF}" srcOrd="4" destOrd="0" presId="urn:microsoft.com/office/officeart/2018/2/layout/IconLabelDescriptionList"/>
    <dgm:cxn modelId="{C0EC45F8-17C4-4F6A-B92A-49882248C1A3}" type="presParOf" srcId="{CB290961-4A98-40DE-8564-7D0FEDF9B1FF}" destId="{845D4627-E0EC-4D15-BD00-0C1954C62F06}" srcOrd="0" destOrd="0" presId="urn:microsoft.com/office/officeart/2018/2/layout/IconLabelDescriptionList"/>
    <dgm:cxn modelId="{CA4B873C-0896-4741-BD46-2E18B2843A67}" type="presParOf" srcId="{CB290961-4A98-40DE-8564-7D0FEDF9B1FF}" destId="{AE3029D7-A0B1-4D3F-BF4D-178CB100B3C7}" srcOrd="1" destOrd="0" presId="urn:microsoft.com/office/officeart/2018/2/layout/IconLabelDescriptionList"/>
    <dgm:cxn modelId="{78E40DB8-C8D0-4BB2-B23F-D6A519DAF54E}" type="presParOf" srcId="{CB290961-4A98-40DE-8564-7D0FEDF9B1FF}" destId="{F50C5A4B-4037-4CE2-A81F-673427A83D7E}" srcOrd="2" destOrd="0" presId="urn:microsoft.com/office/officeart/2018/2/layout/IconLabelDescriptionList"/>
    <dgm:cxn modelId="{6980F96C-BD34-42CC-9DC3-ECEC9808A0E7}" type="presParOf" srcId="{CB290961-4A98-40DE-8564-7D0FEDF9B1FF}" destId="{823D06D5-64FE-49BD-8281-4F36F5D86604}" srcOrd="3" destOrd="0" presId="urn:microsoft.com/office/officeart/2018/2/layout/IconLabelDescriptionList"/>
    <dgm:cxn modelId="{CC4784BE-6839-4FEE-ADC0-A9F3E4DD1BE7}" type="presParOf" srcId="{CB290961-4A98-40DE-8564-7D0FEDF9B1FF}" destId="{90B0D2B5-54E9-4B2C-82CB-80AD160BC848}" srcOrd="4" destOrd="0" presId="urn:microsoft.com/office/officeart/2018/2/layout/IconLabelDescriptionList"/>
    <dgm:cxn modelId="{71DF82BB-F3E1-48A5-A3F3-3BBE0E81AF43}" type="presParOf" srcId="{841436E2-DB23-4DB5-8568-D4D1510A1F3D}" destId="{C5AD8437-6EE0-4C5C-9C1F-346BBA50F570}" srcOrd="5" destOrd="0" presId="urn:microsoft.com/office/officeart/2018/2/layout/IconLabelDescriptionList"/>
    <dgm:cxn modelId="{49C27C86-EED8-42A4-AEC3-08E411AFA65D}" type="presParOf" srcId="{841436E2-DB23-4DB5-8568-D4D1510A1F3D}" destId="{EAA2D793-0C31-4A00-BA2D-FB0899C67A58}" srcOrd="6" destOrd="0" presId="urn:microsoft.com/office/officeart/2018/2/layout/IconLabelDescriptionList"/>
    <dgm:cxn modelId="{A20CF312-2332-43A9-80B0-222F0AC944D2}" type="presParOf" srcId="{EAA2D793-0C31-4A00-BA2D-FB0899C67A58}" destId="{183C41A8-C56F-4F2D-ABFC-2CA19CBE9A4E}" srcOrd="0" destOrd="0" presId="urn:microsoft.com/office/officeart/2018/2/layout/IconLabelDescriptionList"/>
    <dgm:cxn modelId="{05D7153C-9D3A-4BDA-B9A9-C0222C812908}" type="presParOf" srcId="{EAA2D793-0C31-4A00-BA2D-FB0899C67A58}" destId="{7A6D5204-B08A-4148-8C81-A316F3E56032}" srcOrd="1" destOrd="0" presId="urn:microsoft.com/office/officeart/2018/2/layout/IconLabelDescriptionList"/>
    <dgm:cxn modelId="{5B32448D-6B14-4135-95FD-0D1245FAEAC1}" type="presParOf" srcId="{EAA2D793-0C31-4A00-BA2D-FB0899C67A58}" destId="{9E4F800A-282C-4D2C-A95F-913CB80579D4}" srcOrd="2" destOrd="0" presId="urn:microsoft.com/office/officeart/2018/2/layout/IconLabelDescriptionList"/>
    <dgm:cxn modelId="{B7C5BCDC-CE39-4B8B-923B-A2AB6B6DE9AC}" type="presParOf" srcId="{EAA2D793-0C31-4A00-BA2D-FB0899C67A58}" destId="{E795A79C-C000-443F-83F9-CB5DE446C416}" srcOrd="3" destOrd="0" presId="urn:microsoft.com/office/officeart/2018/2/layout/IconLabelDescriptionList"/>
    <dgm:cxn modelId="{8E70F2A7-DC2F-4FF8-BBD8-66FAF44EB6CF}" type="presParOf" srcId="{EAA2D793-0C31-4A00-BA2D-FB0899C67A58}" destId="{A2759F2D-87AE-4E13-9FC0-CAB7BA819868}" srcOrd="4" destOrd="0" presId="urn:microsoft.com/office/officeart/2018/2/layout/IconLabelDescriptionList"/>
    <dgm:cxn modelId="{80448427-BE2C-4CE7-9234-007039EE5545}" type="presParOf" srcId="{841436E2-DB23-4DB5-8568-D4D1510A1F3D}" destId="{1AF4D40A-FF18-416C-A679-4D36B166AF36}" srcOrd="7" destOrd="0" presId="urn:microsoft.com/office/officeart/2018/2/layout/IconLabelDescriptionList"/>
    <dgm:cxn modelId="{A8E42B07-A19F-486F-9063-C4BC224E03B8}" type="presParOf" srcId="{841436E2-DB23-4DB5-8568-D4D1510A1F3D}" destId="{6E41D0FC-AC43-4113-8CCC-6921644FD36E}" srcOrd="8" destOrd="0" presId="urn:microsoft.com/office/officeart/2018/2/layout/IconLabelDescriptionList"/>
    <dgm:cxn modelId="{A3041498-3A11-4A2B-8FF9-95E14031FA99}" type="presParOf" srcId="{6E41D0FC-AC43-4113-8CCC-6921644FD36E}" destId="{79C9B707-753A-4DBE-AD43-BBEB75E4154A}" srcOrd="0" destOrd="0" presId="urn:microsoft.com/office/officeart/2018/2/layout/IconLabelDescriptionList"/>
    <dgm:cxn modelId="{40FCA01F-8C8F-4E97-897A-5E6FA31DC74A}" type="presParOf" srcId="{6E41D0FC-AC43-4113-8CCC-6921644FD36E}" destId="{94A55AF2-3DC9-4073-9B15-9607A1F002AC}" srcOrd="1" destOrd="0" presId="urn:microsoft.com/office/officeart/2018/2/layout/IconLabelDescriptionList"/>
    <dgm:cxn modelId="{4888D929-84DB-4236-8CD4-18AA089F0D7A}" type="presParOf" srcId="{6E41D0FC-AC43-4113-8CCC-6921644FD36E}" destId="{FDB62040-43A3-4430-83D9-56B3C5DE3D9B}" srcOrd="2" destOrd="0" presId="urn:microsoft.com/office/officeart/2018/2/layout/IconLabelDescriptionList"/>
    <dgm:cxn modelId="{C62F833D-6E8D-4183-886C-F66023C8EEC5}" type="presParOf" srcId="{6E41D0FC-AC43-4113-8CCC-6921644FD36E}" destId="{E03496D9-1D37-4D62-8E3F-F4A59D744707}" srcOrd="3" destOrd="0" presId="urn:microsoft.com/office/officeart/2018/2/layout/IconLabelDescriptionList"/>
    <dgm:cxn modelId="{F686D0E9-EB8D-4FCB-B444-198205EDEB1A}" type="presParOf" srcId="{6E41D0FC-AC43-4113-8CCC-6921644FD36E}" destId="{453B2844-728F-4D17-BD55-4E68D48C3940}" srcOrd="4" destOrd="0" presId="urn:microsoft.com/office/officeart/2018/2/layout/IconLabelDescription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0F64989-C22C-493E-820E-9C6263A756D5}">
      <dsp:nvSpPr>
        <dsp:cNvPr id="0" name=""/>
        <dsp:cNvSpPr/>
      </dsp:nvSpPr>
      <dsp:spPr>
        <a:xfrm>
          <a:off x="0" y="233113"/>
          <a:ext cx="4038600" cy="3276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6AFA7939-3571-4F26-9734-17CF11931F31}">
      <dsp:nvSpPr>
        <dsp:cNvPr id="0" name=""/>
        <dsp:cNvSpPr/>
      </dsp:nvSpPr>
      <dsp:spPr>
        <a:xfrm>
          <a:off x="201930" y="41233"/>
          <a:ext cx="2827020" cy="38376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577850">
            <a:lnSpc>
              <a:spcPct val="90000"/>
            </a:lnSpc>
            <a:spcBef>
              <a:spcPct val="0"/>
            </a:spcBef>
            <a:spcAft>
              <a:spcPct val="35000"/>
            </a:spcAft>
            <a:buNone/>
          </a:pPr>
          <a:r>
            <a:rPr lang="en-US" sz="1300" kern="1200" dirty="0"/>
            <a:t>Introduction</a:t>
          </a:r>
        </a:p>
      </dsp:txBody>
      <dsp:txXfrm>
        <a:off x="220664" y="59967"/>
        <a:ext cx="2789552" cy="346292"/>
      </dsp:txXfrm>
    </dsp:sp>
    <dsp:sp modelId="{7AD3BC08-D048-4F76-B32A-85199528E641}">
      <dsp:nvSpPr>
        <dsp:cNvPr id="0" name=""/>
        <dsp:cNvSpPr/>
      </dsp:nvSpPr>
      <dsp:spPr>
        <a:xfrm>
          <a:off x="0" y="822793"/>
          <a:ext cx="4038600" cy="9828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3440" tIns="270764" rIns="313440" bIns="92456" numCol="1" spcCol="1270" anchor="t" anchorCtr="0">
          <a:noAutofit/>
        </a:bodyPr>
        <a:lstStyle/>
        <a:p>
          <a:pPr marL="114300" lvl="1" indent="-114300" algn="l" defTabSz="577850">
            <a:lnSpc>
              <a:spcPct val="90000"/>
            </a:lnSpc>
            <a:spcBef>
              <a:spcPct val="0"/>
            </a:spcBef>
            <a:spcAft>
              <a:spcPct val="15000"/>
            </a:spcAft>
            <a:buChar char="•"/>
          </a:pPr>
          <a:r>
            <a:rPr lang="en-US" sz="1300" kern="1200" dirty="0"/>
            <a:t>The role of statistics &amp; ML in accounting</a:t>
          </a:r>
        </a:p>
        <a:p>
          <a:pPr marL="114300" lvl="1" indent="-114300" algn="l" defTabSz="577850">
            <a:lnSpc>
              <a:spcPct val="90000"/>
            </a:lnSpc>
            <a:spcBef>
              <a:spcPct val="0"/>
            </a:spcBef>
            <a:spcAft>
              <a:spcPct val="15000"/>
            </a:spcAft>
            <a:buChar char="•"/>
          </a:pPr>
          <a:r>
            <a:rPr lang="en-US" sz="1300" kern="1200" dirty="0"/>
            <a:t>How AI is revolutionizing accounting</a:t>
          </a:r>
        </a:p>
        <a:p>
          <a:pPr marL="114300" lvl="1" indent="-114300" algn="l" defTabSz="577850">
            <a:lnSpc>
              <a:spcPct val="90000"/>
            </a:lnSpc>
            <a:spcBef>
              <a:spcPct val="0"/>
            </a:spcBef>
            <a:spcAft>
              <a:spcPct val="15000"/>
            </a:spcAft>
            <a:buChar char="•"/>
          </a:pPr>
          <a:r>
            <a:rPr lang="en-US" sz="1300" kern="1200" dirty="0"/>
            <a:t>Challenges and opportunities</a:t>
          </a:r>
        </a:p>
      </dsp:txBody>
      <dsp:txXfrm>
        <a:off x="0" y="822793"/>
        <a:ext cx="4038600" cy="982800"/>
      </dsp:txXfrm>
    </dsp:sp>
    <dsp:sp modelId="{6C5C0248-F64D-4FA5-8528-08B5D8B69E82}">
      <dsp:nvSpPr>
        <dsp:cNvPr id="0" name=""/>
        <dsp:cNvSpPr/>
      </dsp:nvSpPr>
      <dsp:spPr>
        <a:xfrm>
          <a:off x="201930" y="630913"/>
          <a:ext cx="2827020" cy="38376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577850">
            <a:lnSpc>
              <a:spcPct val="90000"/>
            </a:lnSpc>
            <a:spcBef>
              <a:spcPct val="0"/>
            </a:spcBef>
            <a:spcAft>
              <a:spcPct val="35000"/>
            </a:spcAft>
            <a:buNone/>
          </a:pPr>
          <a:r>
            <a:rPr lang="en-US" sz="1300" kern="1200" dirty="0"/>
            <a:t>Analytics in Accounting</a:t>
          </a:r>
        </a:p>
      </dsp:txBody>
      <dsp:txXfrm>
        <a:off x="220664" y="649647"/>
        <a:ext cx="2789552" cy="346292"/>
      </dsp:txXfrm>
    </dsp:sp>
    <dsp:sp modelId="{26BC3683-DBBC-40FB-93CE-A1E81F617738}">
      <dsp:nvSpPr>
        <dsp:cNvPr id="0" name=""/>
        <dsp:cNvSpPr/>
      </dsp:nvSpPr>
      <dsp:spPr>
        <a:xfrm>
          <a:off x="0" y="2067673"/>
          <a:ext cx="4038600" cy="3276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FE4106AA-616E-46B9-AB7D-36535F74FFFA}">
      <dsp:nvSpPr>
        <dsp:cNvPr id="0" name=""/>
        <dsp:cNvSpPr/>
      </dsp:nvSpPr>
      <dsp:spPr>
        <a:xfrm>
          <a:off x="201930" y="1875793"/>
          <a:ext cx="2827020" cy="38376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577850">
            <a:lnSpc>
              <a:spcPct val="90000"/>
            </a:lnSpc>
            <a:spcBef>
              <a:spcPct val="0"/>
            </a:spcBef>
            <a:spcAft>
              <a:spcPct val="35000"/>
            </a:spcAft>
            <a:buNone/>
          </a:pPr>
          <a:r>
            <a:rPr lang="en-US" sz="1300" kern="1200" dirty="0"/>
            <a:t>Introduction to Programming</a:t>
          </a:r>
        </a:p>
      </dsp:txBody>
      <dsp:txXfrm>
        <a:off x="220664" y="1894527"/>
        <a:ext cx="2789552" cy="346292"/>
      </dsp:txXfrm>
    </dsp:sp>
    <dsp:sp modelId="{7553840F-4209-4A62-BC81-B7A766B9F00F}">
      <dsp:nvSpPr>
        <dsp:cNvPr id="0" name=""/>
        <dsp:cNvSpPr/>
      </dsp:nvSpPr>
      <dsp:spPr>
        <a:xfrm>
          <a:off x="0" y="2657353"/>
          <a:ext cx="4038600" cy="552825"/>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3440" tIns="270764" rIns="313440" bIns="92456" numCol="1" spcCol="1270" anchor="t" anchorCtr="0">
          <a:noAutofit/>
        </a:bodyPr>
        <a:lstStyle/>
        <a:p>
          <a:pPr marL="114300" lvl="1" indent="-114300" algn="l" defTabSz="577850">
            <a:lnSpc>
              <a:spcPct val="90000"/>
            </a:lnSpc>
            <a:spcBef>
              <a:spcPct val="0"/>
            </a:spcBef>
            <a:spcAft>
              <a:spcPct val="15000"/>
            </a:spcAft>
            <a:buChar char="•"/>
          </a:pPr>
          <a:r>
            <a:rPr lang="en-US" sz="1300" kern="1200"/>
            <a:t>Getting Started with Python</a:t>
          </a:r>
        </a:p>
      </dsp:txBody>
      <dsp:txXfrm>
        <a:off x="0" y="2657353"/>
        <a:ext cx="4038600" cy="552825"/>
      </dsp:txXfrm>
    </dsp:sp>
    <dsp:sp modelId="{A96507E9-390F-472E-9204-A87013900818}">
      <dsp:nvSpPr>
        <dsp:cNvPr id="0" name=""/>
        <dsp:cNvSpPr/>
      </dsp:nvSpPr>
      <dsp:spPr>
        <a:xfrm>
          <a:off x="201930" y="2465473"/>
          <a:ext cx="2827020" cy="38376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577850">
            <a:lnSpc>
              <a:spcPct val="90000"/>
            </a:lnSpc>
            <a:spcBef>
              <a:spcPct val="0"/>
            </a:spcBef>
            <a:spcAft>
              <a:spcPct val="35000"/>
            </a:spcAft>
            <a:buNone/>
          </a:pPr>
          <a:r>
            <a:rPr lang="en-US" sz="1300" kern="1200" dirty="0"/>
            <a:t>Getting Started</a:t>
          </a:r>
        </a:p>
      </dsp:txBody>
      <dsp:txXfrm>
        <a:off x="220664" y="2484207"/>
        <a:ext cx="2789552" cy="346292"/>
      </dsp:txXfrm>
    </dsp:sp>
    <dsp:sp modelId="{DAFE7D39-FC55-4F4C-A832-C78EC9D51665}">
      <dsp:nvSpPr>
        <dsp:cNvPr id="0" name=""/>
        <dsp:cNvSpPr/>
      </dsp:nvSpPr>
      <dsp:spPr>
        <a:xfrm>
          <a:off x="0" y="3472258"/>
          <a:ext cx="4038600" cy="3276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A42CDDA3-FF31-4D92-B8AA-486857C8B5C2}">
      <dsp:nvSpPr>
        <dsp:cNvPr id="0" name=""/>
        <dsp:cNvSpPr/>
      </dsp:nvSpPr>
      <dsp:spPr>
        <a:xfrm>
          <a:off x="201930" y="3280378"/>
          <a:ext cx="2827020" cy="38376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577850">
            <a:lnSpc>
              <a:spcPct val="90000"/>
            </a:lnSpc>
            <a:spcBef>
              <a:spcPct val="0"/>
            </a:spcBef>
            <a:spcAft>
              <a:spcPct val="35000"/>
            </a:spcAft>
            <a:buNone/>
          </a:pPr>
          <a:r>
            <a:rPr lang="en-US" sz="1300" kern="1200" dirty="0"/>
            <a:t>Conclusion</a:t>
          </a:r>
        </a:p>
      </dsp:txBody>
      <dsp:txXfrm>
        <a:off x="220664" y="3299112"/>
        <a:ext cx="2789552" cy="346292"/>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E5B3AF5-7D84-41E2-A64D-D23E27AFABC6}">
      <dsp:nvSpPr>
        <dsp:cNvPr id="0" name=""/>
        <dsp:cNvSpPr/>
      </dsp:nvSpPr>
      <dsp:spPr>
        <a:xfrm>
          <a:off x="1410237" y="472"/>
          <a:ext cx="1532450" cy="1532450"/>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5240" tIns="15240" rIns="15240" bIns="15240" numCol="1" spcCol="1270" anchor="ctr" anchorCtr="0">
          <a:noAutofit/>
        </a:bodyPr>
        <a:lstStyle/>
        <a:p>
          <a:pPr marL="0" lvl="0" indent="0" algn="ctr" defTabSz="533400">
            <a:lnSpc>
              <a:spcPct val="90000"/>
            </a:lnSpc>
            <a:spcBef>
              <a:spcPct val="0"/>
            </a:spcBef>
            <a:spcAft>
              <a:spcPct val="35000"/>
            </a:spcAft>
            <a:buNone/>
          </a:pPr>
          <a:r>
            <a:rPr lang="en-US" sz="1200" kern="1200" dirty="0"/>
            <a:t>AI Agent performs task</a:t>
          </a:r>
        </a:p>
      </dsp:txBody>
      <dsp:txXfrm>
        <a:off x="1634659" y="224894"/>
        <a:ext cx="1083606" cy="1083606"/>
      </dsp:txXfrm>
    </dsp:sp>
    <dsp:sp modelId="{F0E13A7D-6AC5-4C82-B1CA-9326D642CE03}">
      <dsp:nvSpPr>
        <dsp:cNvPr id="0" name=""/>
        <dsp:cNvSpPr/>
      </dsp:nvSpPr>
      <dsp:spPr>
        <a:xfrm rot="3600000">
          <a:off x="2542248" y="1495108"/>
          <a:ext cx="408129" cy="517202"/>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44500">
            <a:lnSpc>
              <a:spcPct val="90000"/>
            </a:lnSpc>
            <a:spcBef>
              <a:spcPct val="0"/>
            </a:spcBef>
            <a:spcAft>
              <a:spcPct val="35000"/>
            </a:spcAft>
            <a:buNone/>
          </a:pPr>
          <a:endParaRPr lang="en-US" sz="1000" kern="1200"/>
        </a:p>
      </dsp:txBody>
      <dsp:txXfrm>
        <a:off x="2572858" y="1545530"/>
        <a:ext cx="285690" cy="310322"/>
      </dsp:txXfrm>
    </dsp:sp>
    <dsp:sp modelId="{5128A10A-B196-4716-B819-0DEE03C887CD}">
      <dsp:nvSpPr>
        <dsp:cNvPr id="0" name=""/>
        <dsp:cNvSpPr/>
      </dsp:nvSpPr>
      <dsp:spPr>
        <a:xfrm>
          <a:off x="2561490" y="1994501"/>
          <a:ext cx="1532450" cy="1532450"/>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5240" tIns="15240" rIns="15240" bIns="15240" numCol="1" spcCol="1270" anchor="ctr" anchorCtr="0">
          <a:noAutofit/>
        </a:bodyPr>
        <a:lstStyle/>
        <a:p>
          <a:pPr marL="0" lvl="0" indent="0" algn="ctr" defTabSz="533400">
            <a:lnSpc>
              <a:spcPct val="90000"/>
            </a:lnSpc>
            <a:spcBef>
              <a:spcPct val="0"/>
            </a:spcBef>
            <a:spcAft>
              <a:spcPct val="35000"/>
            </a:spcAft>
            <a:buNone/>
          </a:pPr>
          <a:r>
            <a:rPr lang="en-US" sz="1200" kern="1200" dirty="0"/>
            <a:t>Human review/adjusts/ confirms</a:t>
          </a:r>
        </a:p>
      </dsp:txBody>
      <dsp:txXfrm>
        <a:off x="2785912" y="2218923"/>
        <a:ext cx="1083606" cy="1083606"/>
      </dsp:txXfrm>
    </dsp:sp>
    <dsp:sp modelId="{71B8AEC6-40A2-43AD-9CE3-56CE1E722254}">
      <dsp:nvSpPr>
        <dsp:cNvPr id="0" name=""/>
        <dsp:cNvSpPr/>
      </dsp:nvSpPr>
      <dsp:spPr>
        <a:xfrm rot="10800000">
          <a:off x="1983948" y="2502125"/>
          <a:ext cx="408129" cy="517202"/>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44500">
            <a:lnSpc>
              <a:spcPct val="90000"/>
            </a:lnSpc>
            <a:spcBef>
              <a:spcPct val="0"/>
            </a:spcBef>
            <a:spcAft>
              <a:spcPct val="35000"/>
            </a:spcAft>
            <a:buNone/>
          </a:pPr>
          <a:endParaRPr lang="en-US" sz="1000" kern="1200"/>
        </a:p>
      </dsp:txBody>
      <dsp:txXfrm rot="10800000">
        <a:off x="2106387" y="2605565"/>
        <a:ext cx="285690" cy="310322"/>
      </dsp:txXfrm>
    </dsp:sp>
    <dsp:sp modelId="{1E633A80-3CD2-4078-9CE3-CF63BE826081}">
      <dsp:nvSpPr>
        <dsp:cNvPr id="0" name=""/>
        <dsp:cNvSpPr/>
      </dsp:nvSpPr>
      <dsp:spPr>
        <a:xfrm>
          <a:off x="258983" y="1994501"/>
          <a:ext cx="1532450" cy="1532450"/>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5240" tIns="15240" rIns="15240" bIns="15240" numCol="1" spcCol="1270" anchor="ctr" anchorCtr="0">
          <a:noAutofit/>
        </a:bodyPr>
        <a:lstStyle/>
        <a:p>
          <a:pPr marL="0" lvl="0" indent="0" algn="ctr" defTabSz="533400">
            <a:lnSpc>
              <a:spcPct val="90000"/>
            </a:lnSpc>
            <a:spcBef>
              <a:spcPct val="0"/>
            </a:spcBef>
            <a:spcAft>
              <a:spcPct val="35000"/>
            </a:spcAft>
            <a:buNone/>
          </a:pPr>
          <a:r>
            <a:rPr lang="en-US" sz="1200" kern="1200" dirty="0"/>
            <a:t>AI learns/improves</a:t>
          </a:r>
        </a:p>
      </dsp:txBody>
      <dsp:txXfrm>
        <a:off x="483405" y="2218923"/>
        <a:ext cx="1083606" cy="1083606"/>
      </dsp:txXfrm>
    </dsp:sp>
    <dsp:sp modelId="{177AA8F6-11AB-4C2B-A102-E9DEEB7FC67A}">
      <dsp:nvSpPr>
        <dsp:cNvPr id="0" name=""/>
        <dsp:cNvSpPr/>
      </dsp:nvSpPr>
      <dsp:spPr>
        <a:xfrm rot="18000000">
          <a:off x="1390995" y="1515114"/>
          <a:ext cx="408129" cy="517202"/>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44500">
            <a:lnSpc>
              <a:spcPct val="90000"/>
            </a:lnSpc>
            <a:spcBef>
              <a:spcPct val="0"/>
            </a:spcBef>
            <a:spcAft>
              <a:spcPct val="35000"/>
            </a:spcAft>
            <a:buNone/>
          </a:pPr>
          <a:endParaRPr lang="en-US" sz="1000" kern="1200"/>
        </a:p>
      </dsp:txBody>
      <dsp:txXfrm>
        <a:off x="1421605" y="1671572"/>
        <a:ext cx="285690" cy="310322"/>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5F8A4A0-72BB-4BB4-AE6C-C225E9EA970F}">
      <dsp:nvSpPr>
        <dsp:cNvPr id="0" name=""/>
        <dsp:cNvSpPr/>
      </dsp:nvSpPr>
      <dsp:spPr>
        <a:xfrm>
          <a:off x="2839447" y="494069"/>
          <a:ext cx="382904" cy="91440"/>
        </a:xfrm>
        <a:custGeom>
          <a:avLst/>
          <a:gdLst/>
          <a:ahLst/>
          <a:cxnLst/>
          <a:rect l="0" t="0" r="0" b="0"/>
          <a:pathLst>
            <a:path>
              <a:moveTo>
                <a:pt x="0" y="45720"/>
              </a:moveTo>
              <a:lnTo>
                <a:pt x="382904" y="45720"/>
              </a:lnTo>
            </a:path>
          </a:pathLst>
        </a:custGeom>
        <a:noFill/>
        <a:ln w="9525" cap="flat" cmpd="sng" algn="ctr">
          <a:solidFill>
            <a:schemeClr val="accent1">
              <a:hueOff val="0"/>
              <a:satOff val="0"/>
              <a:lumOff val="0"/>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p>
      </dsp:txBody>
      <dsp:txXfrm>
        <a:off x="3020562" y="537722"/>
        <a:ext cx="20675" cy="4135"/>
      </dsp:txXfrm>
    </dsp:sp>
    <dsp:sp modelId="{C418BF79-2679-4841-B2AC-ED1FF30F3E54}">
      <dsp:nvSpPr>
        <dsp:cNvPr id="0" name=""/>
        <dsp:cNvSpPr/>
      </dsp:nvSpPr>
      <dsp:spPr>
        <a:xfrm>
          <a:off x="1043404" y="436"/>
          <a:ext cx="1797843" cy="1078706"/>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35128" tIns="135128" rIns="135128" bIns="135128" numCol="1" spcCol="1270" anchor="ctr" anchorCtr="0">
          <a:noAutofit/>
        </a:bodyPr>
        <a:lstStyle/>
        <a:p>
          <a:pPr marL="0" lvl="0" indent="0" algn="ctr" defTabSz="844550">
            <a:lnSpc>
              <a:spcPct val="90000"/>
            </a:lnSpc>
            <a:spcBef>
              <a:spcPct val="0"/>
            </a:spcBef>
            <a:spcAft>
              <a:spcPct val="35000"/>
            </a:spcAft>
            <a:buNone/>
          </a:pPr>
          <a:r>
            <a:rPr lang="en-US" sz="1900" kern="1200" dirty="0"/>
            <a:t>Problem Definition</a:t>
          </a:r>
        </a:p>
      </dsp:txBody>
      <dsp:txXfrm>
        <a:off x="1043404" y="436"/>
        <a:ext cx="1797843" cy="1078706"/>
      </dsp:txXfrm>
    </dsp:sp>
    <dsp:sp modelId="{DE4ABB8F-61A0-4DEA-9568-FAFD57D668E3}">
      <dsp:nvSpPr>
        <dsp:cNvPr id="0" name=""/>
        <dsp:cNvSpPr/>
      </dsp:nvSpPr>
      <dsp:spPr>
        <a:xfrm>
          <a:off x="1942326" y="1077342"/>
          <a:ext cx="2211347" cy="382904"/>
        </a:xfrm>
        <a:custGeom>
          <a:avLst/>
          <a:gdLst/>
          <a:ahLst/>
          <a:cxnLst/>
          <a:rect l="0" t="0" r="0" b="0"/>
          <a:pathLst>
            <a:path>
              <a:moveTo>
                <a:pt x="2211347" y="0"/>
              </a:moveTo>
              <a:lnTo>
                <a:pt x="2211347" y="208552"/>
              </a:lnTo>
              <a:lnTo>
                <a:pt x="0" y="208552"/>
              </a:lnTo>
              <a:lnTo>
                <a:pt x="0" y="382904"/>
              </a:lnTo>
            </a:path>
          </a:pathLst>
        </a:custGeom>
        <a:noFill/>
        <a:ln w="9525" cap="flat" cmpd="sng" algn="ctr">
          <a:solidFill>
            <a:schemeClr val="accent1">
              <a:hueOff val="0"/>
              <a:satOff val="0"/>
              <a:lumOff val="0"/>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p>
      </dsp:txBody>
      <dsp:txXfrm>
        <a:off x="2991758" y="1266727"/>
        <a:ext cx="112483" cy="4135"/>
      </dsp:txXfrm>
    </dsp:sp>
    <dsp:sp modelId="{7BEF3604-30EE-44B6-9831-F944ABA6CFEB}">
      <dsp:nvSpPr>
        <dsp:cNvPr id="0" name=""/>
        <dsp:cNvSpPr/>
      </dsp:nvSpPr>
      <dsp:spPr>
        <a:xfrm>
          <a:off x="3254752" y="436"/>
          <a:ext cx="1797843" cy="1078706"/>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35128" tIns="135128" rIns="135128" bIns="135128" numCol="1" spcCol="1270" anchor="ctr" anchorCtr="0">
          <a:noAutofit/>
        </a:bodyPr>
        <a:lstStyle/>
        <a:p>
          <a:pPr marL="0" lvl="0" indent="0" algn="ctr" defTabSz="844550">
            <a:lnSpc>
              <a:spcPct val="90000"/>
            </a:lnSpc>
            <a:spcBef>
              <a:spcPct val="0"/>
            </a:spcBef>
            <a:spcAft>
              <a:spcPct val="35000"/>
            </a:spcAft>
            <a:buNone/>
          </a:pPr>
          <a:r>
            <a:rPr lang="en-US" sz="1900" kern="1200" dirty="0"/>
            <a:t>Problem Analysis</a:t>
          </a:r>
        </a:p>
      </dsp:txBody>
      <dsp:txXfrm>
        <a:off x="3254752" y="436"/>
        <a:ext cx="1797843" cy="1078706"/>
      </dsp:txXfrm>
    </dsp:sp>
    <dsp:sp modelId="{77073A89-32FD-4649-A0B8-5E05E332FF76}">
      <dsp:nvSpPr>
        <dsp:cNvPr id="0" name=""/>
        <dsp:cNvSpPr/>
      </dsp:nvSpPr>
      <dsp:spPr>
        <a:xfrm>
          <a:off x="2839447" y="1986280"/>
          <a:ext cx="382904" cy="91440"/>
        </a:xfrm>
        <a:custGeom>
          <a:avLst/>
          <a:gdLst/>
          <a:ahLst/>
          <a:cxnLst/>
          <a:rect l="0" t="0" r="0" b="0"/>
          <a:pathLst>
            <a:path>
              <a:moveTo>
                <a:pt x="0" y="45720"/>
              </a:moveTo>
              <a:lnTo>
                <a:pt x="382904" y="45720"/>
              </a:lnTo>
            </a:path>
          </a:pathLst>
        </a:custGeom>
        <a:noFill/>
        <a:ln w="9525" cap="flat" cmpd="sng" algn="ctr">
          <a:solidFill>
            <a:schemeClr val="accent1">
              <a:hueOff val="0"/>
              <a:satOff val="0"/>
              <a:lumOff val="0"/>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p>
      </dsp:txBody>
      <dsp:txXfrm>
        <a:off x="3020562" y="2029932"/>
        <a:ext cx="20675" cy="4135"/>
      </dsp:txXfrm>
    </dsp:sp>
    <dsp:sp modelId="{3F5EA2CD-9228-42DC-8E9B-293D7E6DC52C}">
      <dsp:nvSpPr>
        <dsp:cNvPr id="0" name=""/>
        <dsp:cNvSpPr/>
      </dsp:nvSpPr>
      <dsp:spPr>
        <a:xfrm>
          <a:off x="1043404" y="1492646"/>
          <a:ext cx="1797843" cy="1078706"/>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35128" tIns="135128" rIns="135128" bIns="135128" numCol="1" spcCol="1270" anchor="ctr" anchorCtr="0">
          <a:noAutofit/>
        </a:bodyPr>
        <a:lstStyle/>
        <a:p>
          <a:pPr marL="0" lvl="0" indent="0" algn="ctr" defTabSz="844550">
            <a:lnSpc>
              <a:spcPct val="90000"/>
            </a:lnSpc>
            <a:spcBef>
              <a:spcPct val="0"/>
            </a:spcBef>
            <a:spcAft>
              <a:spcPct val="35000"/>
            </a:spcAft>
            <a:buNone/>
          </a:pPr>
          <a:r>
            <a:rPr lang="en-US" sz="1900" kern="1200" dirty="0"/>
            <a:t>Algorithm Development</a:t>
          </a:r>
        </a:p>
      </dsp:txBody>
      <dsp:txXfrm>
        <a:off x="1043404" y="1492646"/>
        <a:ext cx="1797843" cy="1078706"/>
      </dsp:txXfrm>
    </dsp:sp>
    <dsp:sp modelId="{800D1572-AB30-4A5A-A1EE-3583CDAAA328}">
      <dsp:nvSpPr>
        <dsp:cNvPr id="0" name=""/>
        <dsp:cNvSpPr/>
      </dsp:nvSpPr>
      <dsp:spPr>
        <a:xfrm>
          <a:off x="1942326" y="2569553"/>
          <a:ext cx="2211347" cy="382904"/>
        </a:xfrm>
        <a:custGeom>
          <a:avLst/>
          <a:gdLst/>
          <a:ahLst/>
          <a:cxnLst/>
          <a:rect l="0" t="0" r="0" b="0"/>
          <a:pathLst>
            <a:path>
              <a:moveTo>
                <a:pt x="2211347" y="0"/>
              </a:moveTo>
              <a:lnTo>
                <a:pt x="2211347" y="208552"/>
              </a:lnTo>
              <a:lnTo>
                <a:pt x="0" y="208552"/>
              </a:lnTo>
              <a:lnTo>
                <a:pt x="0" y="382904"/>
              </a:lnTo>
            </a:path>
          </a:pathLst>
        </a:custGeom>
        <a:noFill/>
        <a:ln w="9525" cap="flat" cmpd="sng" algn="ctr">
          <a:solidFill>
            <a:schemeClr val="accent1">
              <a:hueOff val="0"/>
              <a:satOff val="0"/>
              <a:lumOff val="0"/>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p>
      </dsp:txBody>
      <dsp:txXfrm>
        <a:off x="2991758" y="2758937"/>
        <a:ext cx="112483" cy="4135"/>
      </dsp:txXfrm>
    </dsp:sp>
    <dsp:sp modelId="{11B87E66-B8FD-4B45-BA12-6DA98F56F778}">
      <dsp:nvSpPr>
        <dsp:cNvPr id="0" name=""/>
        <dsp:cNvSpPr/>
      </dsp:nvSpPr>
      <dsp:spPr>
        <a:xfrm>
          <a:off x="3254752" y="1492646"/>
          <a:ext cx="1797843" cy="1078706"/>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35128" tIns="135128" rIns="135128" bIns="135128" numCol="1" spcCol="1270" anchor="ctr" anchorCtr="0">
          <a:noAutofit/>
        </a:bodyPr>
        <a:lstStyle/>
        <a:p>
          <a:pPr marL="0" lvl="0" indent="0" algn="ctr" defTabSz="844550">
            <a:lnSpc>
              <a:spcPct val="90000"/>
            </a:lnSpc>
            <a:spcBef>
              <a:spcPct val="0"/>
            </a:spcBef>
            <a:spcAft>
              <a:spcPct val="35000"/>
            </a:spcAft>
            <a:buNone/>
          </a:pPr>
          <a:r>
            <a:rPr lang="en-US" sz="1900" kern="1200" dirty="0"/>
            <a:t>Coding &amp; Documentation</a:t>
          </a:r>
        </a:p>
      </dsp:txBody>
      <dsp:txXfrm>
        <a:off x="3254752" y="1492646"/>
        <a:ext cx="1797843" cy="1078706"/>
      </dsp:txXfrm>
    </dsp:sp>
    <dsp:sp modelId="{C3E90D02-BEF0-4BFB-B98B-BE584E2252BD}">
      <dsp:nvSpPr>
        <dsp:cNvPr id="0" name=""/>
        <dsp:cNvSpPr/>
      </dsp:nvSpPr>
      <dsp:spPr>
        <a:xfrm>
          <a:off x="2839447" y="3478490"/>
          <a:ext cx="382904" cy="91440"/>
        </a:xfrm>
        <a:custGeom>
          <a:avLst/>
          <a:gdLst/>
          <a:ahLst/>
          <a:cxnLst/>
          <a:rect l="0" t="0" r="0" b="0"/>
          <a:pathLst>
            <a:path>
              <a:moveTo>
                <a:pt x="0" y="45720"/>
              </a:moveTo>
              <a:lnTo>
                <a:pt x="382904" y="45720"/>
              </a:lnTo>
            </a:path>
          </a:pathLst>
        </a:custGeom>
        <a:noFill/>
        <a:ln w="9525" cap="flat" cmpd="sng" algn="ctr">
          <a:solidFill>
            <a:schemeClr val="accent1">
              <a:hueOff val="0"/>
              <a:satOff val="0"/>
              <a:lumOff val="0"/>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p>
      </dsp:txBody>
      <dsp:txXfrm>
        <a:off x="3020562" y="3522142"/>
        <a:ext cx="20675" cy="4135"/>
      </dsp:txXfrm>
    </dsp:sp>
    <dsp:sp modelId="{220C64B2-B22A-496D-B69B-8869916F6F00}">
      <dsp:nvSpPr>
        <dsp:cNvPr id="0" name=""/>
        <dsp:cNvSpPr/>
      </dsp:nvSpPr>
      <dsp:spPr>
        <a:xfrm>
          <a:off x="1043404" y="2984857"/>
          <a:ext cx="1797843" cy="1078706"/>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35128" tIns="135128" rIns="135128" bIns="135128" numCol="1" spcCol="1270" anchor="ctr" anchorCtr="0">
          <a:noAutofit/>
        </a:bodyPr>
        <a:lstStyle/>
        <a:p>
          <a:pPr marL="0" lvl="0" indent="0" algn="ctr" defTabSz="844550">
            <a:lnSpc>
              <a:spcPct val="90000"/>
            </a:lnSpc>
            <a:spcBef>
              <a:spcPct val="0"/>
            </a:spcBef>
            <a:spcAft>
              <a:spcPct val="35000"/>
            </a:spcAft>
            <a:buNone/>
          </a:pPr>
          <a:r>
            <a:rPr lang="en-US" sz="1900" kern="1200" dirty="0"/>
            <a:t>Testing &amp; Debugging</a:t>
          </a:r>
        </a:p>
      </dsp:txBody>
      <dsp:txXfrm>
        <a:off x="1043404" y="2984857"/>
        <a:ext cx="1797843" cy="1078706"/>
      </dsp:txXfrm>
    </dsp:sp>
    <dsp:sp modelId="{F98BAE2C-C5BA-43CB-863F-2FB20053E10C}">
      <dsp:nvSpPr>
        <dsp:cNvPr id="0" name=""/>
        <dsp:cNvSpPr/>
      </dsp:nvSpPr>
      <dsp:spPr>
        <a:xfrm>
          <a:off x="3254752" y="2984857"/>
          <a:ext cx="1797843" cy="1078706"/>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35128" tIns="135128" rIns="135128" bIns="135128" numCol="1" spcCol="1270" anchor="ctr" anchorCtr="0">
          <a:noAutofit/>
        </a:bodyPr>
        <a:lstStyle/>
        <a:p>
          <a:pPr marL="0" lvl="0" indent="0" algn="ctr" defTabSz="844550">
            <a:lnSpc>
              <a:spcPct val="90000"/>
            </a:lnSpc>
            <a:spcBef>
              <a:spcPct val="0"/>
            </a:spcBef>
            <a:spcAft>
              <a:spcPct val="35000"/>
            </a:spcAft>
            <a:buNone/>
          </a:pPr>
          <a:r>
            <a:rPr lang="en-US" sz="1900" kern="1200" dirty="0"/>
            <a:t>Maintenance</a:t>
          </a:r>
        </a:p>
      </dsp:txBody>
      <dsp:txXfrm>
        <a:off x="3254752" y="2984857"/>
        <a:ext cx="1797843" cy="1078706"/>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B8BB423-A006-4C33-91E8-12318825558E}">
      <dsp:nvSpPr>
        <dsp:cNvPr id="0" name=""/>
        <dsp:cNvSpPr/>
      </dsp:nvSpPr>
      <dsp:spPr>
        <a:xfrm>
          <a:off x="0" y="1187"/>
          <a:ext cx="8229600" cy="50616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85E798C-DFFA-45D1-81D1-9A983572FFAC}">
      <dsp:nvSpPr>
        <dsp:cNvPr id="0" name=""/>
        <dsp:cNvSpPr/>
      </dsp:nvSpPr>
      <dsp:spPr>
        <a:xfrm>
          <a:off x="153115" y="115075"/>
          <a:ext cx="278391" cy="278391"/>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2C53CB57-BB8C-4E03-9A02-299109E0B926}">
      <dsp:nvSpPr>
        <dsp:cNvPr id="0" name=""/>
        <dsp:cNvSpPr/>
      </dsp:nvSpPr>
      <dsp:spPr>
        <a:xfrm>
          <a:off x="584621" y="1187"/>
          <a:ext cx="3703320"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844550">
            <a:lnSpc>
              <a:spcPct val="90000"/>
            </a:lnSpc>
            <a:spcBef>
              <a:spcPct val="0"/>
            </a:spcBef>
            <a:spcAft>
              <a:spcPct val="35000"/>
            </a:spcAft>
            <a:buNone/>
          </a:pPr>
          <a:r>
            <a:rPr lang="en-US" sz="1900" kern="1200"/>
            <a:t>Problem Definition</a:t>
          </a:r>
        </a:p>
      </dsp:txBody>
      <dsp:txXfrm>
        <a:off x="584621" y="1187"/>
        <a:ext cx="3703320" cy="506165"/>
      </dsp:txXfrm>
    </dsp:sp>
    <dsp:sp modelId="{DDEDC212-870C-4116-A41C-D7D0C14F3D89}">
      <dsp:nvSpPr>
        <dsp:cNvPr id="0" name=""/>
        <dsp:cNvSpPr/>
      </dsp:nvSpPr>
      <dsp:spPr>
        <a:xfrm>
          <a:off x="4287941" y="1187"/>
          <a:ext cx="3941658"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622300">
            <a:lnSpc>
              <a:spcPct val="90000"/>
            </a:lnSpc>
            <a:spcBef>
              <a:spcPct val="0"/>
            </a:spcBef>
            <a:spcAft>
              <a:spcPct val="35000"/>
            </a:spcAft>
            <a:buNone/>
          </a:pPr>
          <a:r>
            <a:rPr lang="en-US" sz="1400" kern="1200"/>
            <a:t>Need to automate bank statement reconciliation.</a:t>
          </a:r>
        </a:p>
      </dsp:txBody>
      <dsp:txXfrm>
        <a:off x="4287941" y="1187"/>
        <a:ext cx="3941658" cy="506165"/>
      </dsp:txXfrm>
    </dsp:sp>
    <dsp:sp modelId="{1DB89F74-496C-4AB9-853D-32CBED70BE77}">
      <dsp:nvSpPr>
        <dsp:cNvPr id="0" name=""/>
        <dsp:cNvSpPr/>
      </dsp:nvSpPr>
      <dsp:spPr>
        <a:xfrm>
          <a:off x="0" y="633895"/>
          <a:ext cx="8229600" cy="50616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0BD6203-08CD-4234-9920-E4CE34CC1C72}">
      <dsp:nvSpPr>
        <dsp:cNvPr id="0" name=""/>
        <dsp:cNvSpPr/>
      </dsp:nvSpPr>
      <dsp:spPr>
        <a:xfrm>
          <a:off x="153115" y="747782"/>
          <a:ext cx="278391" cy="278391"/>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2F212F2-3AD9-43A9-9ACF-D2D934574DB1}">
      <dsp:nvSpPr>
        <dsp:cNvPr id="0" name=""/>
        <dsp:cNvSpPr/>
      </dsp:nvSpPr>
      <dsp:spPr>
        <a:xfrm>
          <a:off x="584621" y="633895"/>
          <a:ext cx="3703320"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844550">
            <a:lnSpc>
              <a:spcPct val="90000"/>
            </a:lnSpc>
            <a:spcBef>
              <a:spcPct val="0"/>
            </a:spcBef>
            <a:spcAft>
              <a:spcPct val="35000"/>
            </a:spcAft>
            <a:buNone/>
          </a:pPr>
          <a:r>
            <a:rPr lang="en-US" sz="1900" kern="1200"/>
            <a:t>Problem Analysis</a:t>
          </a:r>
        </a:p>
      </dsp:txBody>
      <dsp:txXfrm>
        <a:off x="584621" y="633895"/>
        <a:ext cx="3703320" cy="506165"/>
      </dsp:txXfrm>
    </dsp:sp>
    <dsp:sp modelId="{B63C9E0E-9430-4667-9641-9B22B9392ACC}">
      <dsp:nvSpPr>
        <dsp:cNvPr id="0" name=""/>
        <dsp:cNvSpPr/>
      </dsp:nvSpPr>
      <dsp:spPr>
        <a:xfrm>
          <a:off x="4287941" y="633895"/>
          <a:ext cx="3941658"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622300">
            <a:lnSpc>
              <a:spcPct val="90000"/>
            </a:lnSpc>
            <a:spcBef>
              <a:spcPct val="0"/>
            </a:spcBef>
            <a:spcAft>
              <a:spcPct val="35000"/>
            </a:spcAft>
            <a:buNone/>
          </a:pPr>
          <a:r>
            <a:rPr lang="en-US" sz="1400" kern="1200"/>
            <a:t>Identify data (e.g., transaction dates, amounts) to compare.</a:t>
          </a:r>
        </a:p>
      </dsp:txBody>
      <dsp:txXfrm>
        <a:off x="4287941" y="633895"/>
        <a:ext cx="3941658" cy="506165"/>
      </dsp:txXfrm>
    </dsp:sp>
    <dsp:sp modelId="{A4B5B755-604A-4887-AC14-5F4AFA1FCF23}">
      <dsp:nvSpPr>
        <dsp:cNvPr id="0" name=""/>
        <dsp:cNvSpPr/>
      </dsp:nvSpPr>
      <dsp:spPr>
        <a:xfrm>
          <a:off x="0" y="1266602"/>
          <a:ext cx="8229600" cy="50616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576C59A-D0DF-49BF-BBA9-3F92D3817F24}">
      <dsp:nvSpPr>
        <dsp:cNvPr id="0" name=""/>
        <dsp:cNvSpPr/>
      </dsp:nvSpPr>
      <dsp:spPr>
        <a:xfrm>
          <a:off x="153115" y="1380489"/>
          <a:ext cx="278391" cy="278391"/>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09F7194-3FF2-436B-894D-8853B237FFB3}">
      <dsp:nvSpPr>
        <dsp:cNvPr id="0" name=""/>
        <dsp:cNvSpPr/>
      </dsp:nvSpPr>
      <dsp:spPr>
        <a:xfrm>
          <a:off x="584621" y="1266602"/>
          <a:ext cx="3703320"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844550">
            <a:lnSpc>
              <a:spcPct val="90000"/>
            </a:lnSpc>
            <a:spcBef>
              <a:spcPct val="0"/>
            </a:spcBef>
            <a:spcAft>
              <a:spcPct val="35000"/>
            </a:spcAft>
            <a:buNone/>
          </a:pPr>
          <a:r>
            <a:rPr lang="en-US" sz="1900" kern="1200"/>
            <a:t>Algorithm Development</a:t>
          </a:r>
        </a:p>
      </dsp:txBody>
      <dsp:txXfrm>
        <a:off x="584621" y="1266602"/>
        <a:ext cx="3703320" cy="506165"/>
      </dsp:txXfrm>
    </dsp:sp>
    <dsp:sp modelId="{919A9012-95F8-4AF7-B673-F5C1C20F832B}">
      <dsp:nvSpPr>
        <dsp:cNvPr id="0" name=""/>
        <dsp:cNvSpPr/>
      </dsp:nvSpPr>
      <dsp:spPr>
        <a:xfrm>
          <a:off x="4287941" y="1266602"/>
          <a:ext cx="3941658"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622300">
            <a:lnSpc>
              <a:spcPct val="90000"/>
            </a:lnSpc>
            <a:spcBef>
              <a:spcPct val="0"/>
            </a:spcBef>
            <a:spcAft>
              <a:spcPct val="35000"/>
            </a:spcAft>
            <a:buNone/>
          </a:pPr>
          <a:r>
            <a:rPr lang="en-US" sz="1400" kern="1200"/>
            <a:t>Plan how to match transactions and flag discrepancies.</a:t>
          </a:r>
        </a:p>
      </dsp:txBody>
      <dsp:txXfrm>
        <a:off x="4287941" y="1266602"/>
        <a:ext cx="3941658" cy="506165"/>
      </dsp:txXfrm>
    </dsp:sp>
    <dsp:sp modelId="{B871EC20-A7A3-4E71-8347-4B6663F392AF}">
      <dsp:nvSpPr>
        <dsp:cNvPr id="0" name=""/>
        <dsp:cNvSpPr/>
      </dsp:nvSpPr>
      <dsp:spPr>
        <a:xfrm>
          <a:off x="0" y="1899309"/>
          <a:ext cx="8229600" cy="50616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C58E2E5-701B-47BD-B993-88D9FCACBAF5}">
      <dsp:nvSpPr>
        <dsp:cNvPr id="0" name=""/>
        <dsp:cNvSpPr/>
      </dsp:nvSpPr>
      <dsp:spPr>
        <a:xfrm>
          <a:off x="153115" y="2013197"/>
          <a:ext cx="278391" cy="278391"/>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0EB9FB9-5B43-4DC2-9287-987CF2FA2741}">
      <dsp:nvSpPr>
        <dsp:cNvPr id="0" name=""/>
        <dsp:cNvSpPr/>
      </dsp:nvSpPr>
      <dsp:spPr>
        <a:xfrm>
          <a:off x="584621" y="1899309"/>
          <a:ext cx="3703320"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844550">
            <a:lnSpc>
              <a:spcPct val="90000"/>
            </a:lnSpc>
            <a:spcBef>
              <a:spcPct val="0"/>
            </a:spcBef>
            <a:spcAft>
              <a:spcPct val="35000"/>
            </a:spcAft>
            <a:buNone/>
          </a:pPr>
          <a:r>
            <a:rPr lang="en-US" sz="1900" kern="1200"/>
            <a:t>Coding &amp; Documentation</a:t>
          </a:r>
        </a:p>
      </dsp:txBody>
      <dsp:txXfrm>
        <a:off x="584621" y="1899309"/>
        <a:ext cx="3703320" cy="506165"/>
      </dsp:txXfrm>
    </dsp:sp>
    <dsp:sp modelId="{9B75474F-ED85-450E-8765-3C78017961D6}">
      <dsp:nvSpPr>
        <dsp:cNvPr id="0" name=""/>
        <dsp:cNvSpPr/>
      </dsp:nvSpPr>
      <dsp:spPr>
        <a:xfrm>
          <a:off x="4287941" y="1899309"/>
          <a:ext cx="3941658"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622300">
            <a:lnSpc>
              <a:spcPct val="90000"/>
            </a:lnSpc>
            <a:spcBef>
              <a:spcPct val="0"/>
            </a:spcBef>
            <a:spcAft>
              <a:spcPct val="35000"/>
            </a:spcAft>
            <a:buNone/>
          </a:pPr>
          <a:r>
            <a:rPr lang="en-US" sz="1400" kern="1200"/>
            <a:t>Write a Python script to automate the reconciliation.</a:t>
          </a:r>
        </a:p>
      </dsp:txBody>
      <dsp:txXfrm>
        <a:off x="4287941" y="1899309"/>
        <a:ext cx="3941658" cy="506165"/>
      </dsp:txXfrm>
    </dsp:sp>
    <dsp:sp modelId="{2A6EA678-7DC9-4C4D-A9F1-5EA7C0784516}">
      <dsp:nvSpPr>
        <dsp:cNvPr id="0" name=""/>
        <dsp:cNvSpPr/>
      </dsp:nvSpPr>
      <dsp:spPr>
        <a:xfrm>
          <a:off x="0" y="2532017"/>
          <a:ext cx="8229600" cy="50616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163AF8D-66FD-4809-8924-BF18C57B2196}">
      <dsp:nvSpPr>
        <dsp:cNvPr id="0" name=""/>
        <dsp:cNvSpPr/>
      </dsp:nvSpPr>
      <dsp:spPr>
        <a:xfrm>
          <a:off x="153115" y="2645904"/>
          <a:ext cx="278391" cy="278391"/>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0BE025A-03F2-4D8F-91F9-C5329101F89A}">
      <dsp:nvSpPr>
        <dsp:cNvPr id="0" name=""/>
        <dsp:cNvSpPr/>
      </dsp:nvSpPr>
      <dsp:spPr>
        <a:xfrm>
          <a:off x="584621" y="2532017"/>
          <a:ext cx="3703320"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844550">
            <a:lnSpc>
              <a:spcPct val="90000"/>
            </a:lnSpc>
            <a:spcBef>
              <a:spcPct val="0"/>
            </a:spcBef>
            <a:spcAft>
              <a:spcPct val="35000"/>
            </a:spcAft>
            <a:buNone/>
          </a:pPr>
          <a:r>
            <a:rPr lang="en-US" sz="1900" kern="1200"/>
            <a:t>Testing &amp; Debugging</a:t>
          </a:r>
        </a:p>
      </dsp:txBody>
      <dsp:txXfrm>
        <a:off x="584621" y="2532017"/>
        <a:ext cx="3703320" cy="506165"/>
      </dsp:txXfrm>
    </dsp:sp>
    <dsp:sp modelId="{7E17B8C9-9549-4E27-AFDF-2165445B8BCD}">
      <dsp:nvSpPr>
        <dsp:cNvPr id="0" name=""/>
        <dsp:cNvSpPr/>
      </dsp:nvSpPr>
      <dsp:spPr>
        <a:xfrm>
          <a:off x="4287941" y="2532017"/>
          <a:ext cx="3941658"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622300">
            <a:lnSpc>
              <a:spcPct val="90000"/>
            </a:lnSpc>
            <a:spcBef>
              <a:spcPct val="0"/>
            </a:spcBef>
            <a:spcAft>
              <a:spcPct val="35000"/>
            </a:spcAft>
            <a:buNone/>
          </a:pPr>
          <a:r>
            <a:rPr lang="en-US" sz="1400" kern="1200"/>
            <a:t>Run the script with sample data, fix any issues</a:t>
          </a:r>
        </a:p>
      </dsp:txBody>
      <dsp:txXfrm>
        <a:off x="4287941" y="2532017"/>
        <a:ext cx="3941658" cy="506165"/>
      </dsp:txXfrm>
    </dsp:sp>
    <dsp:sp modelId="{5E9F20B2-195D-47AC-85BC-38A28F0DFA49}">
      <dsp:nvSpPr>
        <dsp:cNvPr id="0" name=""/>
        <dsp:cNvSpPr/>
      </dsp:nvSpPr>
      <dsp:spPr>
        <a:xfrm>
          <a:off x="0" y="3164724"/>
          <a:ext cx="8229600" cy="50616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1B524EF-9F87-4130-9E34-D0B9026B8718}">
      <dsp:nvSpPr>
        <dsp:cNvPr id="0" name=""/>
        <dsp:cNvSpPr/>
      </dsp:nvSpPr>
      <dsp:spPr>
        <a:xfrm>
          <a:off x="153115" y="3278611"/>
          <a:ext cx="278391" cy="278391"/>
        </a:xfrm>
        <a:prstGeom prst="rect">
          <a:avLst/>
        </a:prstGeom>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A0842A24-7D50-4F5C-9B82-6D0A71D24847}">
      <dsp:nvSpPr>
        <dsp:cNvPr id="0" name=""/>
        <dsp:cNvSpPr/>
      </dsp:nvSpPr>
      <dsp:spPr>
        <a:xfrm>
          <a:off x="584621" y="3164724"/>
          <a:ext cx="3703320"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844550">
            <a:lnSpc>
              <a:spcPct val="90000"/>
            </a:lnSpc>
            <a:spcBef>
              <a:spcPct val="0"/>
            </a:spcBef>
            <a:spcAft>
              <a:spcPct val="35000"/>
            </a:spcAft>
            <a:buNone/>
          </a:pPr>
          <a:r>
            <a:rPr lang="en-US" sz="1900" kern="1200"/>
            <a:t>Maintenance</a:t>
          </a:r>
        </a:p>
      </dsp:txBody>
      <dsp:txXfrm>
        <a:off x="584621" y="3164724"/>
        <a:ext cx="3703320" cy="506165"/>
      </dsp:txXfrm>
    </dsp:sp>
    <dsp:sp modelId="{864E5C58-9105-4F5B-8B3E-0AFA55CC9986}">
      <dsp:nvSpPr>
        <dsp:cNvPr id="0" name=""/>
        <dsp:cNvSpPr/>
      </dsp:nvSpPr>
      <dsp:spPr>
        <a:xfrm>
          <a:off x="4287941" y="3164724"/>
          <a:ext cx="3941658" cy="5061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69" tIns="53569" rIns="53569" bIns="53569" numCol="1" spcCol="1270" anchor="ctr" anchorCtr="0">
          <a:noAutofit/>
        </a:bodyPr>
        <a:lstStyle/>
        <a:p>
          <a:pPr marL="0" lvl="0" indent="0" algn="l" defTabSz="622300">
            <a:lnSpc>
              <a:spcPct val="90000"/>
            </a:lnSpc>
            <a:spcBef>
              <a:spcPct val="0"/>
            </a:spcBef>
            <a:spcAft>
              <a:spcPct val="35000"/>
            </a:spcAft>
            <a:buNone/>
          </a:pPr>
          <a:r>
            <a:rPr lang="en-US" sz="1400" kern="1200"/>
            <a:t>Update the script as reconciliation rules or data change.</a:t>
          </a:r>
        </a:p>
      </dsp:txBody>
      <dsp:txXfrm>
        <a:off x="4287941" y="3164724"/>
        <a:ext cx="3941658" cy="506165"/>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1E9AEF8-2868-45FB-BCE5-91A57D67EB1B}">
      <dsp:nvSpPr>
        <dsp:cNvPr id="0" name=""/>
        <dsp:cNvSpPr/>
      </dsp:nvSpPr>
      <dsp:spPr>
        <a:xfrm>
          <a:off x="1232549" y="443881"/>
          <a:ext cx="1323000" cy="1323000"/>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E21525E-FDF3-4622-91B1-D839C8EF09CB}">
      <dsp:nvSpPr>
        <dsp:cNvPr id="0" name=""/>
        <dsp:cNvSpPr/>
      </dsp:nvSpPr>
      <dsp:spPr>
        <a:xfrm>
          <a:off x="4049" y="1876030"/>
          <a:ext cx="3780000" cy="567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1600200">
            <a:lnSpc>
              <a:spcPct val="90000"/>
            </a:lnSpc>
            <a:spcBef>
              <a:spcPct val="0"/>
            </a:spcBef>
            <a:spcAft>
              <a:spcPct val="35000"/>
            </a:spcAft>
            <a:buNone/>
            <a:defRPr b="1"/>
          </a:pPr>
          <a:r>
            <a:rPr lang="en-US" sz="3600" kern="1200"/>
            <a:t>What is Python?: </a:t>
          </a:r>
        </a:p>
      </dsp:txBody>
      <dsp:txXfrm>
        <a:off x="4049" y="1876030"/>
        <a:ext cx="3780000" cy="567000"/>
      </dsp:txXfrm>
    </dsp:sp>
    <dsp:sp modelId="{37E70DB1-DF36-48EE-B4E5-7E2ABD60ED66}">
      <dsp:nvSpPr>
        <dsp:cNvPr id="0" name=""/>
        <dsp:cNvSpPr/>
      </dsp:nvSpPr>
      <dsp:spPr>
        <a:xfrm>
          <a:off x="4049" y="2493797"/>
          <a:ext cx="3780000" cy="48843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755650">
            <a:lnSpc>
              <a:spcPct val="90000"/>
            </a:lnSpc>
            <a:spcBef>
              <a:spcPct val="0"/>
            </a:spcBef>
            <a:spcAft>
              <a:spcPct val="35000"/>
            </a:spcAft>
            <a:buNone/>
          </a:pPr>
          <a:r>
            <a:rPr lang="en-US" sz="1700" kern="1200"/>
            <a:t>A simple, versatile programming language.</a:t>
          </a:r>
        </a:p>
      </dsp:txBody>
      <dsp:txXfrm>
        <a:off x="4049" y="2493797"/>
        <a:ext cx="3780000" cy="488435"/>
      </dsp:txXfrm>
    </dsp:sp>
    <dsp:sp modelId="{2FFBE49D-FCA2-434A-AC23-285B1E7D685C}">
      <dsp:nvSpPr>
        <dsp:cNvPr id="0" name=""/>
        <dsp:cNvSpPr/>
      </dsp:nvSpPr>
      <dsp:spPr>
        <a:xfrm>
          <a:off x="5674050" y="443881"/>
          <a:ext cx="1323000" cy="1323000"/>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27B0BCDC-9B05-4028-A996-223E072ED7BA}">
      <dsp:nvSpPr>
        <dsp:cNvPr id="0" name=""/>
        <dsp:cNvSpPr/>
      </dsp:nvSpPr>
      <dsp:spPr>
        <a:xfrm>
          <a:off x="4445550" y="1876030"/>
          <a:ext cx="3780000" cy="567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1600200">
            <a:lnSpc>
              <a:spcPct val="90000"/>
            </a:lnSpc>
            <a:spcBef>
              <a:spcPct val="0"/>
            </a:spcBef>
            <a:spcAft>
              <a:spcPct val="35000"/>
            </a:spcAft>
            <a:buNone/>
            <a:defRPr b="1"/>
          </a:pPr>
          <a:r>
            <a:rPr lang="en-US" sz="3600" kern="1200"/>
            <a:t>Why Python?: </a:t>
          </a:r>
        </a:p>
      </dsp:txBody>
      <dsp:txXfrm>
        <a:off x="4445550" y="1876030"/>
        <a:ext cx="3780000" cy="567000"/>
      </dsp:txXfrm>
    </dsp:sp>
    <dsp:sp modelId="{71803328-C4B4-4F09-9CD3-06A2C93B0830}">
      <dsp:nvSpPr>
        <dsp:cNvPr id="0" name=""/>
        <dsp:cNvSpPr/>
      </dsp:nvSpPr>
      <dsp:spPr>
        <a:xfrm>
          <a:off x="4445550" y="2493797"/>
          <a:ext cx="3780000" cy="48843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755650">
            <a:lnSpc>
              <a:spcPct val="90000"/>
            </a:lnSpc>
            <a:spcBef>
              <a:spcPct val="0"/>
            </a:spcBef>
            <a:spcAft>
              <a:spcPct val="35000"/>
            </a:spcAft>
            <a:buNone/>
          </a:pPr>
          <a:r>
            <a:rPr lang="en-US" sz="1700" kern="1200"/>
            <a:t>Easy to learn, widely used in data analysis, finance, and automation.</a:t>
          </a:r>
        </a:p>
      </dsp:txBody>
      <dsp:txXfrm>
        <a:off x="4445550" y="2493797"/>
        <a:ext cx="3780000" cy="488435"/>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DE24B2E-612C-4C7E-81AF-4858F0ADDC10}">
      <dsp:nvSpPr>
        <dsp:cNvPr id="0" name=""/>
        <dsp:cNvSpPr/>
      </dsp:nvSpPr>
      <dsp:spPr>
        <a:xfrm>
          <a:off x="2784" y="869158"/>
          <a:ext cx="504984" cy="504984"/>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E7151F2B-5B2F-42B6-820E-A9C455866559}">
      <dsp:nvSpPr>
        <dsp:cNvPr id="0" name=""/>
        <dsp:cNvSpPr/>
      </dsp:nvSpPr>
      <dsp:spPr>
        <a:xfrm>
          <a:off x="2784" y="1446718"/>
          <a:ext cx="1442812" cy="21642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666750">
            <a:lnSpc>
              <a:spcPct val="90000"/>
            </a:lnSpc>
            <a:spcBef>
              <a:spcPct val="0"/>
            </a:spcBef>
            <a:spcAft>
              <a:spcPct val="35000"/>
            </a:spcAft>
            <a:buNone/>
            <a:defRPr b="1"/>
          </a:pPr>
          <a:r>
            <a:rPr lang="en-US" sz="1500" kern="1200"/>
            <a:t>Precision</a:t>
          </a:r>
        </a:p>
      </dsp:txBody>
      <dsp:txXfrm>
        <a:off x="2784" y="1446718"/>
        <a:ext cx="1442812" cy="216421"/>
      </dsp:txXfrm>
    </dsp:sp>
    <dsp:sp modelId="{20AC1313-B011-4D18-86E8-A3C2C520D2FB}">
      <dsp:nvSpPr>
        <dsp:cNvPr id="0" name=""/>
        <dsp:cNvSpPr/>
      </dsp:nvSpPr>
      <dsp:spPr>
        <a:xfrm>
          <a:off x="2784" y="1696896"/>
          <a:ext cx="1442812" cy="86005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533400">
            <a:lnSpc>
              <a:spcPct val="90000"/>
            </a:lnSpc>
            <a:spcBef>
              <a:spcPct val="0"/>
            </a:spcBef>
            <a:spcAft>
              <a:spcPct val="35000"/>
            </a:spcAft>
            <a:buNone/>
          </a:pPr>
          <a:r>
            <a:rPr lang="en-US" sz="1200" kern="1200"/>
            <a:t>Programming requires exact instructions; every detail matters.</a:t>
          </a:r>
        </a:p>
      </dsp:txBody>
      <dsp:txXfrm>
        <a:off x="2784" y="1696896"/>
        <a:ext cx="1442812" cy="860058"/>
      </dsp:txXfrm>
    </dsp:sp>
    <dsp:sp modelId="{E0C36794-A9E6-41B8-9E79-C39F1B54840D}">
      <dsp:nvSpPr>
        <dsp:cNvPr id="0" name=""/>
        <dsp:cNvSpPr/>
      </dsp:nvSpPr>
      <dsp:spPr>
        <a:xfrm>
          <a:off x="1698089" y="869158"/>
          <a:ext cx="504984" cy="504984"/>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229B5D9A-75AE-43A7-B547-07547DEA017A}">
      <dsp:nvSpPr>
        <dsp:cNvPr id="0" name=""/>
        <dsp:cNvSpPr/>
      </dsp:nvSpPr>
      <dsp:spPr>
        <a:xfrm>
          <a:off x="1698089" y="1446718"/>
          <a:ext cx="1442812" cy="21642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666750">
            <a:lnSpc>
              <a:spcPct val="90000"/>
            </a:lnSpc>
            <a:spcBef>
              <a:spcPct val="0"/>
            </a:spcBef>
            <a:spcAft>
              <a:spcPct val="35000"/>
            </a:spcAft>
            <a:buNone/>
            <a:defRPr b="1"/>
          </a:pPr>
          <a:r>
            <a:rPr lang="en-US" sz="1500" kern="1200"/>
            <a:t>Syntax</a:t>
          </a:r>
        </a:p>
      </dsp:txBody>
      <dsp:txXfrm>
        <a:off x="1698089" y="1446718"/>
        <a:ext cx="1442812" cy="216421"/>
      </dsp:txXfrm>
    </dsp:sp>
    <dsp:sp modelId="{B6B0B02D-5106-4188-8CF0-89C8461A94F5}">
      <dsp:nvSpPr>
        <dsp:cNvPr id="0" name=""/>
        <dsp:cNvSpPr/>
      </dsp:nvSpPr>
      <dsp:spPr>
        <a:xfrm>
          <a:off x="1698089" y="1696896"/>
          <a:ext cx="1442812" cy="86005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533400">
            <a:lnSpc>
              <a:spcPct val="90000"/>
            </a:lnSpc>
            <a:spcBef>
              <a:spcPct val="0"/>
            </a:spcBef>
            <a:spcAft>
              <a:spcPct val="35000"/>
            </a:spcAft>
            <a:buNone/>
          </a:pPr>
          <a:r>
            <a:rPr lang="en-US" sz="1200" kern="1200"/>
            <a:t>Python has its own grammar, just like a language, to tell the computer what to do.</a:t>
          </a:r>
        </a:p>
      </dsp:txBody>
      <dsp:txXfrm>
        <a:off x="1698089" y="1696896"/>
        <a:ext cx="1442812" cy="860058"/>
      </dsp:txXfrm>
    </dsp:sp>
    <dsp:sp modelId="{845D4627-E0EC-4D15-BD00-0C1954C62F06}">
      <dsp:nvSpPr>
        <dsp:cNvPr id="0" name=""/>
        <dsp:cNvSpPr/>
      </dsp:nvSpPr>
      <dsp:spPr>
        <a:xfrm>
          <a:off x="3393393" y="869158"/>
          <a:ext cx="504984" cy="504984"/>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50C5A4B-4037-4CE2-A81F-673427A83D7E}">
      <dsp:nvSpPr>
        <dsp:cNvPr id="0" name=""/>
        <dsp:cNvSpPr/>
      </dsp:nvSpPr>
      <dsp:spPr>
        <a:xfrm>
          <a:off x="3393393" y="1446718"/>
          <a:ext cx="1442812" cy="21642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666750">
            <a:lnSpc>
              <a:spcPct val="90000"/>
            </a:lnSpc>
            <a:spcBef>
              <a:spcPct val="0"/>
            </a:spcBef>
            <a:spcAft>
              <a:spcPct val="35000"/>
            </a:spcAft>
            <a:buNone/>
            <a:defRPr b="1"/>
          </a:pPr>
          <a:r>
            <a:rPr lang="en-US" sz="1500" kern="1200"/>
            <a:t>Readability</a:t>
          </a:r>
        </a:p>
      </dsp:txBody>
      <dsp:txXfrm>
        <a:off x="3393393" y="1446718"/>
        <a:ext cx="1442812" cy="216421"/>
      </dsp:txXfrm>
    </dsp:sp>
    <dsp:sp modelId="{90B0D2B5-54E9-4B2C-82CB-80AD160BC848}">
      <dsp:nvSpPr>
        <dsp:cNvPr id="0" name=""/>
        <dsp:cNvSpPr/>
      </dsp:nvSpPr>
      <dsp:spPr>
        <a:xfrm>
          <a:off x="3393393" y="1696896"/>
          <a:ext cx="1442812" cy="86005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533400">
            <a:lnSpc>
              <a:spcPct val="90000"/>
            </a:lnSpc>
            <a:spcBef>
              <a:spcPct val="0"/>
            </a:spcBef>
            <a:spcAft>
              <a:spcPct val="35000"/>
            </a:spcAft>
            <a:buNone/>
          </a:pPr>
          <a:r>
            <a:rPr lang="en-US" sz="1200" kern="1200"/>
            <a:t>Python is designed to be easy to read, even for beginners.</a:t>
          </a:r>
        </a:p>
      </dsp:txBody>
      <dsp:txXfrm>
        <a:off x="3393393" y="1696896"/>
        <a:ext cx="1442812" cy="860058"/>
      </dsp:txXfrm>
    </dsp:sp>
    <dsp:sp modelId="{183C41A8-C56F-4F2D-ABFC-2CA19CBE9A4E}">
      <dsp:nvSpPr>
        <dsp:cNvPr id="0" name=""/>
        <dsp:cNvSpPr/>
      </dsp:nvSpPr>
      <dsp:spPr>
        <a:xfrm>
          <a:off x="5088698" y="869158"/>
          <a:ext cx="504984" cy="504984"/>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9E4F800A-282C-4D2C-A95F-913CB80579D4}">
      <dsp:nvSpPr>
        <dsp:cNvPr id="0" name=""/>
        <dsp:cNvSpPr/>
      </dsp:nvSpPr>
      <dsp:spPr>
        <a:xfrm>
          <a:off x="5088698" y="1446718"/>
          <a:ext cx="1442812" cy="21642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666750">
            <a:lnSpc>
              <a:spcPct val="90000"/>
            </a:lnSpc>
            <a:spcBef>
              <a:spcPct val="0"/>
            </a:spcBef>
            <a:spcAft>
              <a:spcPct val="35000"/>
            </a:spcAft>
            <a:buNone/>
            <a:defRPr b="1"/>
          </a:pPr>
          <a:r>
            <a:rPr lang="en-US" sz="1500" kern="1200"/>
            <a:t>Indentation</a:t>
          </a:r>
        </a:p>
      </dsp:txBody>
      <dsp:txXfrm>
        <a:off x="5088698" y="1446718"/>
        <a:ext cx="1442812" cy="216421"/>
      </dsp:txXfrm>
    </dsp:sp>
    <dsp:sp modelId="{A2759F2D-87AE-4E13-9FC0-CAB7BA819868}">
      <dsp:nvSpPr>
        <dsp:cNvPr id="0" name=""/>
        <dsp:cNvSpPr/>
      </dsp:nvSpPr>
      <dsp:spPr>
        <a:xfrm>
          <a:off x="5088698" y="1696896"/>
          <a:ext cx="1442812" cy="86005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533400">
            <a:lnSpc>
              <a:spcPct val="90000"/>
            </a:lnSpc>
            <a:spcBef>
              <a:spcPct val="0"/>
            </a:spcBef>
            <a:spcAft>
              <a:spcPct val="35000"/>
            </a:spcAft>
            <a:buNone/>
          </a:pPr>
          <a:r>
            <a:rPr lang="en-US" sz="1200" kern="1200"/>
            <a:t>The spacing (indentation) you see is important in Python; it shows the structure of the code.</a:t>
          </a:r>
        </a:p>
      </dsp:txBody>
      <dsp:txXfrm>
        <a:off x="5088698" y="1696896"/>
        <a:ext cx="1442812" cy="860058"/>
      </dsp:txXfrm>
    </dsp:sp>
    <dsp:sp modelId="{79C9B707-753A-4DBE-AD43-BBEB75E4154A}">
      <dsp:nvSpPr>
        <dsp:cNvPr id="0" name=""/>
        <dsp:cNvSpPr/>
      </dsp:nvSpPr>
      <dsp:spPr>
        <a:xfrm>
          <a:off x="6784003" y="869158"/>
          <a:ext cx="504984" cy="504984"/>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DB62040-43A3-4430-83D9-56B3C5DE3D9B}">
      <dsp:nvSpPr>
        <dsp:cNvPr id="0" name=""/>
        <dsp:cNvSpPr/>
      </dsp:nvSpPr>
      <dsp:spPr>
        <a:xfrm>
          <a:off x="6784003" y="1446718"/>
          <a:ext cx="1442812" cy="21642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666750">
            <a:lnSpc>
              <a:spcPct val="90000"/>
            </a:lnSpc>
            <a:spcBef>
              <a:spcPct val="0"/>
            </a:spcBef>
            <a:spcAft>
              <a:spcPct val="35000"/>
            </a:spcAft>
            <a:buNone/>
            <a:defRPr b="1"/>
          </a:pPr>
          <a:r>
            <a:rPr lang="en-US" sz="1500" kern="1200"/>
            <a:t>Comments</a:t>
          </a:r>
        </a:p>
      </dsp:txBody>
      <dsp:txXfrm>
        <a:off x="6784003" y="1446718"/>
        <a:ext cx="1442812" cy="216421"/>
      </dsp:txXfrm>
    </dsp:sp>
    <dsp:sp modelId="{453B2844-728F-4D17-BD55-4E68D48C3940}">
      <dsp:nvSpPr>
        <dsp:cNvPr id="0" name=""/>
        <dsp:cNvSpPr/>
      </dsp:nvSpPr>
      <dsp:spPr>
        <a:xfrm>
          <a:off x="6784003" y="1696896"/>
          <a:ext cx="1442812" cy="86005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l" defTabSz="533400">
            <a:lnSpc>
              <a:spcPct val="90000"/>
            </a:lnSpc>
            <a:spcBef>
              <a:spcPct val="0"/>
            </a:spcBef>
            <a:spcAft>
              <a:spcPct val="35000"/>
            </a:spcAft>
            <a:buNone/>
          </a:pPr>
          <a:r>
            <a:rPr lang="en-US" sz="1200" kern="1200"/>
            <a:t>Text after # is ignored by the computer—it's just notes for humans to understand the code.</a:t>
          </a:r>
        </a:p>
      </dsp:txBody>
      <dsp:txXfrm>
        <a:off x="6784003" y="1696896"/>
        <a:ext cx="1442812" cy="860058"/>
      </dsp:txXfrm>
    </dsp:sp>
  </dsp:spTree>
</dsp:drawing>
</file>

<file path=ppt/diagrams/layout1.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cycle2">
  <dgm:title val=""/>
  <dgm:desc val=""/>
  <dgm:catLst>
    <dgm:cat type="cycle" pri="1000"/>
    <dgm:cat type="convert" pri="10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onstrLst>
      <dgm:constr type="w" for="ch" ptType="node" refType="w"/>
      <dgm:constr type="w" for="ch" ptType="sibTrans" refType="w" refFor="ch" refPtType="node" op="equ" fact="0.25"/>
      <dgm:constr type="sibSp" refType="w" refFor="ch" refPtType="node" fact="0.5"/>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sibTransForEach" axis="followSib" ptType="sibTrans" hideLastTrans="0" cnt="1">
            <dgm:layoutNode name="sibTrans">
              <dgm:choose name="Name11">
                <dgm:if name="Name12" axis="par ch" ptType="doc node" func="cnt" op="lt" val="3">
                  <dgm:alg type="conn">
                    <dgm:param type="begPts" val="radial"/>
                    <dgm:param type="endPts" val="radial"/>
                  </dgm:alg>
                </dgm:if>
                <dgm:else name="Name13">
                  <dgm:alg type="conn">
                    <dgm:param type="begPts" val="auto"/>
                    <dgm:param type="endPts" val="auto"/>
                  </dgm:alg>
                </dgm:else>
              </dgm:choose>
              <dgm:shape xmlns:r="http://schemas.openxmlformats.org/officeDocument/2006/relationships" type="conn" r:blip="">
                <dgm:adjLst/>
              </dgm:shape>
              <dgm:presOf axis="self"/>
              <dgm:constrLst>
                <dgm:constr type="h" refType="w" fact="1.35"/>
                <dgm:constr type="connDist"/>
                <dgm:constr type="w" for="ch" refType="connDist" fact="0.45"/>
                <dgm:constr type="h" for="ch" refType="h"/>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14"/>
      </dgm:choose>
    </dgm:forEach>
  </dgm:layoutNode>
</dgm:layoutDef>
</file>

<file path=ppt/diagrams/layout3.xml><?xml version="1.0" encoding="utf-8"?>
<dgm:layoutDef xmlns:dgm="http://schemas.openxmlformats.org/drawingml/2006/diagram" xmlns:a="http://schemas.openxmlformats.org/drawingml/2006/main" uniqueId="urn:microsoft.com/office/officeart/2005/8/layout/bProcess3">
  <dgm:title val=""/>
  <dgm:desc val=""/>
  <dgm:catLst>
    <dgm:cat type="process" pri="18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7" srcId="0" destId="1" srcOrd="0" destOrd="0"/>
        <dgm:cxn modelId="8" srcId="0" destId="2" srcOrd="1" destOrd="0"/>
        <dgm:cxn modelId="9" srcId="0" destId="3" srcOrd="2" destOrd="0"/>
        <dgm:cxn modelId="10" srcId="0" destId="4" srcOrd="3" destOrd="0"/>
        <dgm:cxn modelId="11"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axis="self" func="var" arg="dir" op="equ" val="norm">
        <dgm:alg type="snake">
          <dgm:param type="grDir" val="tL"/>
          <dgm:param type="flowDir" val="row"/>
          <dgm:param type="contDir" val="sameDir"/>
          <dgm:param type="bkpt" val="endCnv"/>
        </dgm:alg>
      </dgm:if>
      <dgm:else name="Name3">
        <dgm:alg type="snake">
          <dgm:param type="grDir" val="tR"/>
          <dgm:param type="flowDir" val="row"/>
          <dgm:param type="contDir" val="sameDir"/>
          <dgm:param type="bkpt" val="endCnv"/>
        </dgm:alg>
      </dgm:else>
    </dgm:choose>
    <dgm:shape xmlns:r="http://schemas.openxmlformats.org/officeDocument/2006/relationships" r:blip="">
      <dgm:adjLst/>
    </dgm:shape>
    <dgm:presOf/>
    <dgm:constrLst>
      <dgm:constr type="w" for="ch" ptType="node" refType="w"/>
      <dgm:constr type="w" for="ch" forName="sibTrans" refType="w" refFor="ch" refPtType="node" op="equ" fact="0.23"/>
      <dgm:constr type="sp" refType="w" refFor="ch" refForName="sibTrans" op="equ"/>
      <dgm:constr type="userB" for="des" forName="connectorText" refType="sp"/>
      <dgm:constr type="primFontSz" for="ch" ptType="node" op="equ" val="65"/>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ect" r:blip="">
          <dgm:adjLst/>
        </dgm:shape>
        <dgm:presOf axis="desOrSelf" ptType="node"/>
        <dgm:constrLst>
          <dgm:constr type="h" refType="w" fact="0.6"/>
        </dgm:constrLst>
        <dgm:ruleLst>
          <dgm:rule type="primFontSz" val="5" fact="NaN" max="NaN"/>
        </dgm:ruleLst>
      </dgm:layoutNode>
      <dgm:forEach name="sibTransForEach" axis="followSib" ptType="sibTrans" cnt="1">
        <dgm:layoutNode name="sibTrans">
          <dgm:choose name="Name4">
            <dgm:if name="Name5" axis="self" func="var" arg="dir" op="equ" val="norm">
              <dgm:alg type="conn">
                <dgm:param type="connRout" val="bend"/>
                <dgm:param type="dim" val="1D"/>
                <dgm:param type="begPts" val="midR bCtr"/>
                <dgm:param type="endPts" val="midL tCtr"/>
              </dgm:alg>
            </dgm:if>
            <dgm:else name="Name6">
              <dgm:alg type="conn">
                <dgm:param type="connRout" val="bend"/>
                <dgm:param type="dim" val="1D"/>
                <dgm:param type="begPts" val="midL bCtr"/>
                <dgm:param type="endPts" val="midR tCtr"/>
              </dgm:alg>
            </dgm:else>
          </dgm:choose>
          <dgm:shape xmlns:r="http://schemas.openxmlformats.org/officeDocument/2006/relationships" type="conn" r:blip="" zOrderOff="-2">
            <dgm:adjLst/>
          </dgm:shape>
          <dgm:presOf axis="self"/>
          <dgm:constrLst>
            <dgm:constr type="begPad" val="-0.05"/>
            <dgm:constr type="endPad" val="0.9"/>
            <dgm:constr type="userA" for="ch" refType="connDist"/>
          </dgm:constrLst>
          <dgm:ruleLst/>
          <dgm:layoutNode name="connectorText">
            <dgm:alg type="tx">
              <dgm:param type="autoTxRot" val="upr"/>
            </dgm:alg>
            <dgm:shape xmlns:r="http://schemas.openxmlformats.org/officeDocument/2006/relationships" type="rect" r:blip="" hideGeom="1">
              <dgm:adjLst/>
            </dgm:shape>
            <dgm:presOf axis="self"/>
            <dgm:constrLst>
              <dgm:constr type="userA"/>
              <dgm:constr type="userB"/>
              <dgm:constr type="w" refType="userA" fact="0.05"/>
              <dgm:constr type="h" refType="userB" fact="0.01"/>
              <dgm:constr type="lMarg" val="1"/>
              <dgm:constr type="rMarg" val="1"/>
              <dgm:constr type="tMarg"/>
              <dgm:constr type="bMarg"/>
            </dgm:constrLst>
            <dgm:ruleLst>
              <dgm:rule type="w" val="NaN" fact="0.6" max="NaN"/>
              <dgm:rule type="h" val="NaN" fact="0.6" max="NaN"/>
              <dgm:rule type="primFontSz" val="5" fact="NaN" max="NaN"/>
            </dgm:ruleLst>
          </dgm:layoutNode>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5.xml><?xml version="1.0" encoding="utf-8"?>
<dgm:layoutDef xmlns:dgm="http://schemas.openxmlformats.org/drawingml/2006/diagram" xmlns:a="http://schemas.openxmlformats.org/drawingml/2006/main" uniqueId="urn:microsoft.com/office/officeart/2018/5/layout/CenteredIconLabelDescriptionList">
  <dgm:title val="Centered Icon Label Description List"/>
  <dgm:desc val="Use to show non-sequential or grouped chunks of information. The placeholder holds an icon or small picture, and corresponding text boxes show Level 1 and Level 2 text respectively. Works well for minimal Level 1 text accompanied by lengthier Level two text."/>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if>
      <dgm:else name="Name2">
        <dgm:alg type="lin">
          <dgm:param type="linDir" val="fromR"/>
        </dgm:alg>
      </dgm:else>
    </dgm:choose>
    <dgm:shape xmlns:r="http://schemas.openxmlformats.org/officeDocument/2006/relationships" r:blip="">
      <dgm:adjLst/>
    </dgm:shape>
    <dgm:presOf/>
    <dgm:constrLst>
      <dgm:constr type="h" for="ch" forName="compNode" refType="h" fact="0.45"/>
      <dgm:constr type="w" for="ch" forName="compNode" val="120"/>
      <dgm:constr type="w" for="ch" forName="sibTrans" refType="w" refFor="ch" refForName="compNode" fact="0.175"/>
      <dgm:constr type="primFontSz" for="des" forName="parTx" val="36"/>
      <dgm:constr type="primFontSz" for="des" forName="desTx" refType="primFontSz" refFor="des" refForName="parTx" op="lte" fact="0.75"/>
      <dgm:constr type="h" for="des" forName="compNode" op="equ"/>
      <dgm:constr type="h" for="des" forName="iconRect" op="equ"/>
      <dgm:constr type="w" for="des" forName="iconRect" op="equ"/>
      <dgm:constr type="h" for="des" forName="iconSpace" op="equ"/>
      <dgm:constr type="h" for="des" forName="parTx" op="equ"/>
      <dgm:constr type="h" for="des" forName="txSpace" op="equ"/>
      <dgm:constr type="h" for="des" forName="desTx" op="equ"/>
    </dgm:constrLst>
    <dgm:ruleLst>
      <dgm:rule type="w" for="ch" forName="compNode" val="0" fact="NaN" max="NaN"/>
    </dgm:ruleLst>
    <dgm:forEach name="Name3" axis="ch" ptType="node">
      <dgm:layoutNode name="compNode">
        <dgm:alg type="composite"/>
        <dgm:shape xmlns:r="http://schemas.openxmlformats.org/officeDocument/2006/relationships" r:blip="">
          <dgm:adjLst/>
        </dgm:shape>
        <dgm:presOf axis="self"/>
        <dgm:constrLst>
          <dgm:constr type="w" for="ch" forName="iconRect" refType="w" fact="0.35"/>
          <dgm:constr type="h" for="ch" forName="iconRect" refType="w" refFor="ch" refForName="iconRect"/>
          <dgm:constr type="ctrX" for="ch" forName="iconRect" refType="w" fact="0.5"/>
          <dgm:constr type="t" for="ch" forName="iconRect"/>
          <dgm:constr type="w" for="ch" forName="iconSpace" refType="w"/>
          <dgm:constr type="h" for="ch" forName="iconSpace" refType="h" fact="0.043"/>
          <dgm:constr type="l" for="ch" forName="iconSpace"/>
          <dgm:constr type="t" for="ch" forName="iconSpace" refType="b" refFor="ch" refForName="iconRect"/>
          <dgm:constr type="w" for="ch" forName="parTx" refType="w"/>
          <dgm:constr type="h" for="ch" forName="parTx" refType="w" fact="0.15"/>
          <dgm:constr type="l" for="ch" forName="parTx"/>
          <dgm:constr type="t" for="ch" forName="parTx" refType="b" refFor="ch" refForName="iconSpace"/>
          <dgm:constr type="h" for="ch" forName="txSpace" refType="h" fact="0.02"/>
          <dgm:constr type="w" for="ch" forName="txSpace" refType="w"/>
          <dgm:constr type="l" for="ch" forName="txSpace"/>
          <dgm:constr type="t" for="ch" forName="txSpace" refType="b" refFor="ch" refForName="parTx"/>
          <dgm:constr type="w" for="ch" forName="desTx" refType="w"/>
          <dgm:constr type="l" for="ch" forName="desTx"/>
          <dgm:constr type="t" for="ch" forName="desTx" refType="b" refFor="ch" refForName="txSpace"/>
        </dgm:constrLst>
        <dgm:ruleLst>
          <dgm:rule type="h" val="INF" fact="NaN" max="NaN"/>
        </dgm:ruleLst>
        <dgm:layoutNode name="iconRect" styleLbl="node1">
          <dgm:alg type="sp"/>
          <dgm:shape xmlns:r="http://schemas.openxmlformats.org/officeDocument/2006/relationships" type="rect" r:blip="" blipPhldr="1">
            <dgm:adjLst/>
          </dgm:shape>
          <dgm:presOf/>
          <dgm:constrLst/>
          <dgm:ruleLst/>
        </dgm:layoutNode>
        <dgm:layoutNode name="iconSpace">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t"/>
          </dgm:alg>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4" fact="NaN" max="NaN"/>
            <dgm:rule type="h" val="INF" fact="NaN" max="NaN"/>
          </dgm:ruleLst>
        </dgm:layoutNode>
        <dgm:layoutNode name="txSpace">
          <dgm:alg type="sp"/>
          <dgm:shape xmlns:r="http://schemas.openxmlformats.org/officeDocument/2006/relationships" r:blip="">
            <dgm:adjLst/>
          </dgm:shape>
          <dgm:presOf/>
          <dgm:constrLst/>
          <dgm:ruleLst/>
        </dgm:layoutNode>
        <dgm:layoutNode name="desTx" styleLbl="revTx">
          <dgm:varLst/>
          <dgm:alg type="tx">
            <dgm:param type="stBulletLvl" val="0"/>
            <dgm:param type="txAnchorVert" val="t"/>
          </dgm:alg>
          <dgm:shape xmlns:r="http://schemas.openxmlformats.org/officeDocument/2006/relationships" type="rect" r:blip="">
            <dgm:adjLst/>
          </dgm:shape>
          <dgm:presOf axis="des" ptType="node"/>
          <dgm:constrLst>
            <dgm:constr type="secFontSz" refType="primFontSz"/>
            <dgm:constr type="lMarg"/>
            <dgm:constr type="rMarg"/>
            <dgm:constr type="tMarg"/>
            <dgm:constr type="bMarg"/>
          </dgm:constrLst>
          <dgm:ruleLst>
            <dgm:rule type="primFontSz" val="NaN" fact="NaN" max="17"/>
            <dgm:rule type="h" val="INF" fact="NaN" max="NaN"/>
          </dgm:ruleLst>
        </dgm:layoutNode>
      </dgm:layoutNode>
      <dgm:forEach name="Name4"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defRPr b="1"/>
        </a:lvl1pPr>
        <a:lvl2pPr>
          <a:lnSpc>
            <a:spcPct val="100000"/>
          </a:lnSpc>
        </a:lvl2pPr>
      </dgm1612:lstStyle>
    </a:ext>
  </dgm:extLst>
</dgm:layoutDef>
</file>

<file path=ppt/diagrams/layout6.xml><?xml version="1.0" encoding="utf-8"?>
<dgm:layoutDef xmlns:dgm="http://schemas.openxmlformats.org/drawingml/2006/diagram" xmlns:a="http://schemas.openxmlformats.org/drawingml/2006/main" uniqueId="urn:microsoft.com/office/officeart/2018/2/layout/IconLabelDescriptionList">
  <dgm:title val="Icon Label Description List"/>
  <dgm:desc val="Use to show non-sequential or grouped chunks of information. The placeholder holds an icon or small picture, and corresponding text boxes show Level 1 and Level 2 text respectively. Works well for minimal Level 1 text accompanied by lengthier Level two text."/>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if>
      <dgm:else name="Name2">
        <dgm:alg type="lin">
          <dgm:param type="linDir" val="fromR"/>
        </dgm:alg>
      </dgm:else>
    </dgm:choose>
    <dgm:shape xmlns:r="http://schemas.openxmlformats.org/officeDocument/2006/relationships" r:blip="">
      <dgm:adjLst/>
    </dgm:shape>
    <dgm:presOf/>
    <dgm:constrLst>
      <dgm:constr type="h" for="ch" forName="compNode" refType="h" fact="0.45"/>
      <dgm:constr type="w" for="ch" forName="compNode" val="120"/>
      <dgm:constr type="w" for="ch" forName="sibTrans" refType="w" refFor="ch" refForName="compNode" fact="0.175"/>
      <dgm:constr type="primFontSz" for="des" forName="parTx" val="36"/>
      <dgm:constr type="primFontSz" for="des" forName="desTx" refType="primFontSz" refFor="des" refForName="parTx" op="lte" fact="0.75"/>
      <dgm:constr type="h" for="des" forName="compNode" op="equ"/>
      <dgm:constr type="h" for="des" forName="iconRect" op="equ"/>
      <dgm:constr type="w" for="des" forName="iconRect" op="equ"/>
      <dgm:constr type="h" for="des" forName="iconSpace" op="equ"/>
      <dgm:constr type="h" for="des" forName="parTx" op="equ"/>
      <dgm:constr type="h" for="des" forName="txSpace" op="equ"/>
      <dgm:constr type="h" for="des" forName="desTx" op="equ"/>
    </dgm:constrLst>
    <dgm:ruleLst>
      <dgm:rule type="w" for="ch" forName="compNode" val="0" fact="NaN" max="NaN"/>
    </dgm:ruleLst>
    <dgm:forEach name="Name3" axis="ch" ptType="node">
      <dgm:layoutNode name="compNode">
        <dgm:alg type="composite"/>
        <dgm:shape xmlns:r="http://schemas.openxmlformats.org/officeDocument/2006/relationships" r:blip="">
          <dgm:adjLst/>
        </dgm:shape>
        <dgm:presOf axis="self"/>
        <dgm:constrLst>
          <dgm:constr type="w" for="ch" forName="iconRect" refType="w" fact="0.35"/>
          <dgm:constr type="h" for="ch" forName="iconRect" refType="w" refFor="ch" refForName="iconRect"/>
          <dgm:constr type="l" for="ch" forName="iconRect"/>
          <dgm:constr type="t" for="ch" forName="iconRect"/>
          <dgm:constr type="w" for="ch" forName="iconSpace" refType="w"/>
          <dgm:constr type="h" for="ch" forName="iconSpace" refType="h" fact="0.043"/>
          <dgm:constr type="l" for="ch" forName="iconSpace"/>
          <dgm:constr type="t" for="ch" forName="iconSpace" refType="b" refFor="ch" refForName="iconRect"/>
          <dgm:constr type="w" for="ch" forName="parTx" refType="w"/>
          <dgm:constr type="h" for="ch" forName="parTx" refType="w" fact="0.15"/>
          <dgm:constr type="l" for="ch" forName="parTx"/>
          <dgm:constr type="t" for="ch" forName="parTx" refType="b" refFor="ch" refForName="iconSpace"/>
          <dgm:constr type="h" for="ch" forName="txSpace" refType="h" fact="0.02"/>
          <dgm:constr type="w" for="ch" forName="txSpace" refType="w"/>
          <dgm:constr type="l" for="ch" forName="txSpace"/>
          <dgm:constr type="t" for="ch" forName="txSpace" refType="b" refFor="ch" refForName="parTx"/>
          <dgm:constr type="w" for="ch" forName="desTx" refType="w"/>
          <dgm:constr type="l" for="ch" forName="desTx"/>
          <dgm:constr type="t" for="ch" forName="desTx" refType="b" refFor="ch" refForName="txSpace"/>
        </dgm:constrLst>
        <dgm:ruleLst>
          <dgm:rule type="h" val="INF" fact="NaN" max="NaN"/>
        </dgm:ruleLst>
        <dgm:layoutNode name="iconRect" styleLbl="node1">
          <dgm:alg type="sp"/>
          <dgm:shape xmlns:r="http://schemas.openxmlformats.org/officeDocument/2006/relationships" type="rect" r:blip="" blipPhldr="1">
            <dgm:adjLst/>
          </dgm:shape>
          <dgm:presOf/>
          <dgm:constrLst/>
          <dgm:ruleLst/>
        </dgm:layoutNode>
        <dgm:layoutNode name="iconSpace">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t"/>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4" fact="NaN" max="NaN"/>
            <dgm:rule type="h" val="INF" fact="NaN" max="NaN"/>
          </dgm:ruleLst>
        </dgm:layoutNode>
        <dgm:layoutNode name="txSpace">
          <dgm:alg type="sp"/>
          <dgm:shape xmlns:r="http://schemas.openxmlformats.org/officeDocument/2006/relationships" r:blip="">
            <dgm:adjLst/>
          </dgm:shape>
          <dgm:presOf/>
          <dgm:constrLst/>
          <dgm:ruleLst/>
        </dgm:layoutNode>
        <dgm:layoutNode name="desTx" styleLbl="revTx">
          <dgm:varLst/>
          <dgm:alg type="tx">
            <dgm:param type="stBulletLvl" val="0"/>
            <dgm:param type="txAnchorVert" val="t"/>
            <dgm:param type="parTxLTRAlign" val="l"/>
            <dgm:param type="shpTxLTRAlignCh" val="l"/>
            <dgm:param type="parTxRTLAlign" val="r"/>
            <dgm:param type="shpTxRTLAlignCh" val="r"/>
          </dgm:alg>
          <dgm:shape xmlns:r="http://schemas.openxmlformats.org/officeDocument/2006/relationships" type="rect" r:blip="">
            <dgm:adjLst/>
          </dgm:shape>
          <dgm:presOf axis="des" ptType="node"/>
          <dgm:constrLst>
            <dgm:constr type="secFontSz" refType="primFontSz"/>
            <dgm:constr type="lMarg"/>
            <dgm:constr type="rMarg"/>
            <dgm:constr type="tMarg"/>
            <dgm:constr type="bMarg"/>
          </dgm:constrLst>
          <dgm:ruleLst>
            <dgm:rule type="primFontSz" val="NaN" fact="NaN" max="17"/>
            <dgm:rule type="h" val="INF" fact="NaN" max="NaN"/>
          </dgm:ruleLst>
        </dgm:layoutNode>
      </dgm:layoutNode>
      <dgm:forEach name="Name4"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defRPr b="1"/>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8/22/2024</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8/22/2024</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a:t>
            </a:fld>
            <a:endParaRPr lang="en-US"/>
          </a:p>
        </p:txBody>
      </p:sp>
    </p:spTree>
    <p:extLst>
      <p:ext uri="{BB962C8B-B14F-4D97-AF65-F5344CB8AC3E}">
        <p14:creationId xmlns:p14="http://schemas.microsoft.com/office/powerpoint/2010/main" val="414356755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1</a:t>
            </a:fld>
            <a:endParaRPr lang="en-US"/>
          </a:p>
        </p:txBody>
      </p:sp>
    </p:spTree>
    <p:extLst>
      <p:ext uri="{BB962C8B-B14F-4D97-AF65-F5344CB8AC3E}">
        <p14:creationId xmlns:p14="http://schemas.microsoft.com/office/powerpoint/2010/main" val="237501907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2</a:t>
            </a:fld>
            <a:endParaRPr lang="en-US"/>
          </a:p>
        </p:txBody>
      </p:sp>
    </p:spTree>
    <p:extLst>
      <p:ext uri="{BB962C8B-B14F-4D97-AF65-F5344CB8AC3E}">
        <p14:creationId xmlns:p14="http://schemas.microsoft.com/office/powerpoint/2010/main" val="222560811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3</a:t>
            </a:fld>
            <a:endParaRPr lang="en-US"/>
          </a:p>
        </p:txBody>
      </p:sp>
    </p:spTree>
    <p:extLst>
      <p:ext uri="{BB962C8B-B14F-4D97-AF65-F5344CB8AC3E}">
        <p14:creationId xmlns:p14="http://schemas.microsoft.com/office/powerpoint/2010/main" val="12896309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5</a:t>
            </a:fld>
            <a:endParaRPr lang="en-US"/>
          </a:p>
        </p:txBody>
      </p:sp>
    </p:spTree>
    <p:extLst>
      <p:ext uri="{BB962C8B-B14F-4D97-AF65-F5344CB8AC3E}">
        <p14:creationId xmlns:p14="http://schemas.microsoft.com/office/powerpoint/2010/main" val="356027554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a:t>
            </a:fld>
            <a:endParaRPr lang="en-US"/>
          </a:p>
        </p:txBody>
      </p:sp>
    </p:spTree>
    <p:extLst>
      <p:ext uri="{BB962C8B-B14F-4D97-AF65-F5344CB8AC3E}">
        <p14:creationId xmlns:p14="http://schemas.microsoft.com/office/powerpoint/2010/main" val="190365799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4</a:t>
            </a:fld>
            <a:endParaRPr lang="en-US"/>
          </a:p>
        </p:txBody>
      </p:sp>
    </p:spTree>
    <p:extLst>
      <p:ext uri="{BB962C8B-B14F-4D97-AF65-F5344CB8AC3E}">
        <p14:creationId xmlns:p14="http://schemas.microsoft.com/office/powerpoint/2010/main" val="268710247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6</a:t>
            </a:fld>
            <a:endParaRPr lang="en-US"/>
          </a:p>
        </p:txBody>
      </p:sp>
    </p:spTree>
    <p:extLst>
      <p:ext uri="{BB962C8B-B14F-4D97-AF65-F5344CB8AC3E}">
        <p14:creationId xmlns:p14="http://schemas.microsoft.com/office/powerpoint/2010/main" val="313917642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7</a:t>
            </a:fld>
            <a:endParaRPr lang="en-US"/>
          </a:p>
        </p:txBody>
      </p:sp>
    </p:spTree>
    <p:extLst>
      <p:ext uri="{BB962C8B-B14F-4D97-AF65-F5344CB8AC3E}">
        <p14:creationId xmlns:p14="http://schemas.microsoft.com/office/powerpoint/2010/main" val="166384454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DD EXAMPLES</a:t>
            </a:r>
          </a:p>
        </p:txBody>
      </p:sp>
      <p:sp>
        <p:nvSpPr>
          <p:cNvPr id="4" name="Slide Number Placeholder 3"/>
          <p:cNvSpPr>
            <a:spLocks noGrp="1"/>
          </p:cNvSpPr>
          <p:nvPr>
            <p:ph type="sldNum" sz="quarter" idx="5"/>
          </p:nvPr>
        </p:nvSpPr>
        <p:spPr/>
        <p:txBody>
          <a:bodyPr/>
          <a:lstStyle/>
          <a:p>
            <a:fld id="{00AF076E-914D-4F66-8D96-A023467F4575}" type="slidenum">
              <a:rPr lang="en-US" smtClean="0"/>
              <a:t>8</a:t>
            </a:fld>
            <a:endParaRPr lang="en-US"/>
          </a:p>
        </p:txBody>
      </p:sp>
    </p:spTree>
    <p:extLst>
      <p:ext uri="{BB962C8B-B14F-4D97-AF65-F5344CB8AC3E}">
        <p14:creationId xmlns:p14="http://schemas.microsoft.com/office/powerpoint/2010/main" val="17274371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9</a:t>
            </a:fld>
            <a:endParaRPr lang="en-US"/>
          </a:p>
        </p:txBody>
      </p:sp>
    </p:spTree>
    <p:extLst>
      <p:ext uri="{BB962C8B-B14F-4D97-AF65-F5344CB8AC3E}">
        <p14:creationId xmlns:p14="http://schemas.microsoft.com/office/powerpoint/2010/main" val="391808726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1</a:t>
            </a:fld>
            <a:endParaRPr lang="en-US"/>
          </a:p>
        </p:txBody>
      </p:sp>
    </p:spTree>
    <p:extLst>
      <p:ext uri="{BB962C8B-B14F-4D97-AF65-F5344CB8AC3E}">
        <p14:creationId xmlns:p14="http://schemas.microsoft.com/office/powerpoint/2010/main" val="113369859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5</a:t>
            </a:fld>
            <a:endParaRPr lang="en-US"/>
          </a:p>
        </p:txBody>
      </p:sp>
    </p:spTree>
    <p:extLst>
      <p:ext uri="{BB962C8B-B14F-4D97-AF65-F5344CB8AC3E}">
        <p14:creationId xmlns:p14="http://schemas.microsoft.com/office/powerpoint/2010/main" val="245280535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8.emf"/><Relationship Id="rId7" Type="http://schemas.openxmlformats.org/officeDocument/2006/relationships/image" Target="../media/image10.emf"/><Relationship Id="rId12" Type="http://schemas.openxmlformats.org/officeDocument/2006/relationships/image" Target="../media/image13.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2.png"/><Relationship Id="rId5" Type="http://schemas.openxmlformats.org/officeDocument/2006/relationships/image" Target="../media/image9.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1.png"/><Relationship Id="rId14" Type="http://schemas.openxmlformats.org/officeDocument/2006/relationships/image" Target="../media/image5.emf"/></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2" name="Right Triangle 11">
            <a:extLst>
              <a:ext uri="{FF2B5EF4-FFF2-40B4-BE49-F238E27FC236}">
                <a16:creationId xmlns:a16="http://schemas.microsoft.com/office/drawing/2014/main" id="{81B00EAE-591E-BC07-27E2-F45746DDECD8}"/>
              </a:ext>
            </a:extLst>
          </p:cNvPr>
          <p:cNvSpPr/>
          <p:nvPr userDrawn="1"/>
        </p:nvSpPr>
        <p:spPr bwMode="auto">
          <a:xfrm flipH="1" flipV="1">
            <a:off x="4795284" y="-1"/>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5" name="Picture 4">
            <a:extLst>
              <a:ext uri="{FF2B5EF4-FFF2-40B4-BE49-F238E27FC236}">
                <a16:creationId xmlns:a16="http://schemas.microsoft.com/office/drawing/2014/main" id="{09CF8B53-D467-02AF-9FAD-042FE0FEB83C}"/>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6" name="Rectangle 4">
            <a:extLst>
              <a:ext uri="{FF2B5EF4-FFF2-40B4-BE49-F238E27FC236}">
                <a16:creationId xmlns:a16="http://schemas.microsoft.com/office/drawing/2014/main" id="{B303F5B5-7B20-BEA9-0C8E-F1CF6E57A4DE}"/>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7" name="Title 1">
            <a:extLst>
              <a:ext uri="{FF2B5EF4-FFF2-40B4-BE49-F238E27FC236}">
                <a16:creationId xmlns:a16="http://schemas.microsoft.com/office/drawing/2014/main" id="{CB4B325A-3E40-A3A5-AEC6-AFE703D14FE9}"/>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8" name="Slide Number Placeholder 5">
            <a:extLst>
              <a:ext uri="{FF2B5EF4-FFF2-40B4-BE49-F238E27FC236}">
                <a16:creationId xmlns:a16="http://schemas.microsoft.com/office/drawing/2014/main" id="{4F380F61-19EB-30B2-0502-47A2DE0448C2}"/>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0" name="Rectangle 9">
            <a:extLst>
              <a:ext uri="{FF2B5EF4-FFF2-40B4-BE49-F238E27FC236}">
                <a16:creationId xmlns:a16="http://schemas.microsoft.com/office/drawing/2014/main" id="{5B4E3A29-6A27-6619-BCAF-7D9ECBD54E2D}"/>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bg>
      <p:bgPr>
        <a:solidFill>
          <a:schemeClr val="accent1"/>
        </a:solidFill>
        <a:effectLst/>
      </p:bgPr>
    </p:bg>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7413BD5C-C95E-4E77-8047-3BD0E62CEF60}"/>
              </a:ext>
            </a:extLst>
          </p:cNvPr>
          <p:cNvSpPr txBox="1"/>
          <p:nvPr/>
        </p:nvSpPr>
        <p:spPr>
          <a:xfrm>
            <a:off x="1350532" y="3415307"/>
            <a:ext cx="2025704" cy="369332"/>
          </a:xfrm>
          <a:prstGeom prst="rect">
            <a:avLst/>
          </a:prstGeom>
          <a:noFill/>
        </p:spPr>
        <p:txBody>
          <a:bodyPr wrap="square" rtlCol="0">
            <a:spAutoFit/>
          </a:bodyPr>
          <a:lstStyle/>
          <a:p>
            <a:pPr algn="l"/>
            <a:r>
              <a:rPr lang="en-US" sz="1800" b="0" dirty="0" err="1">
                <a:solidFill>
                  <a:schemeClr val="bg1"/>
                </a:solidFill>
              </a:rPr>
              <a:t>CLAconnect.com</a:t>
            </a:r>
            <a:endParaRPr lang="en-US" sz="1800" b="0" dirty="0">
              <a:solidFill>
                <a:schemeClr val="bg1"/>
              </a:solidFill>
            </a:endParaRPr>
          </a:p>
        </p:txBody>
      </p:sp>
      <p:pic>
        <p:nvPicPr>
          <p:cNvPr id="22" name="Picture 21">
            <a:hlinkClick r:id="rId2"/>
            <a:extLst>
              <a:ext uri="{FF2B5EF4-FFF2-40B4-BE49-F238E27FC236}">
                <a16:creationId xmlns:a16="http://schemas.microsoft.com/office/drawing/2014/main" id="{5260E43D-7C6D-46A8-976B-EEBA496DE448}"/>
              </a:ext>
            </a:extLst>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259160" y="3876797"/>
            <a:ext cx="229981" cy="229981"/>
          </a:xfrm>
          <a:prstGeom prst="rect">
            <a:avLst/>
          </a:prstGeom>
        </p:spPr>
      </p:pic>
      <p:pic>
        <p:nvPicPr>
          <p:cNvPr id="23" name="Picture 22">
            <a:hlinkClick r:id="rId4"/>
            <a:extLst>
              <a:ext uri="{FF2B5EF4-FFF2-40B4-BE49-F238E27FC236}">
                <a16:creationId xmlns:a16="http://schemas.microsoft.com/office/drawing/2014/main" id="{ADE720D9-B778-475B-97D6-F2526B90F17A}"/>
              </a:ext>
            </a:extLst>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24" name="Picture 23">
            <a:hlinkClick r:id="rId6"/>
            <a:extLst>
              <a:ext uri="{FF2B5EF4-FFF2-40B4-BE49-F238E27FC236}">
                <a16:creationId xmlns:a16="http://schemas.microsoft.com/office/drawing/2014/main" id="{DED96B5A-AEDD-460B-B22F-74A95671E842}"/>
              </a:ext>
            </a:extLst>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25" name="Picture 24">
            <a:hlinkClick r:id="rId8"/>
            <a:extLst>
              <a:ext uri="{FF2B5EF4-FFF2-40B4-BE49-F238E27FC236}">
                <a16:creationId xmlns:a16="http://schemas.microsoft.com/office/drawing/2014/main" id="{5565F02C-D834-4BEE-962B-FA495659FD5B}"/>
              </a:ext>
            </a:extLst>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26" name="Picture 25">
            <a:hlinkClick r:id="rId10"/>
            <a:extLst>
              <a:ext uri="{FF2B5EF4-FFF2-40B4-BE49-F238E27FC236}">
                <a16:creationId xmlns:a16="http://schemas.microsoft.com/office/drawing/2014/main" id="{50B798DB-1C2E-4160-BA72-C4628406A873}"/>
              </a:ext>
            </a:extLst>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8" name="Content Placeholder 3"/>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3" name="Picture 2" descr="Icon&#10;&#10;Description automatically generated">
            <a:extLst>
              <a:ext uri="{FF2B5EF4-FFF2-40B4-BE49-F238E27FC236}">
                <a16:creationId xmlns:a16="http://schemas.microsoft.com/office/drawing/2014/main" id="{6F5E5BBF-B944-4DAB-A437-A06804C4B263}"/>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3" name="TextBox 12">
            <a:extLst>
              <a:ext uri="{FF2B5EF4-FFF2-40B4-BE49-F238E27FC236}">
                <a16:creationId xmlns:a16="http://schemas.microsoft.com/office/drawing/2014/main" id="{295DD8B1-608A-4A28-9870-155B6669A98C}"/>
              </a:ext>
            </a:extLst>
          </p:cNvPr>
          <p:cNvSpPr txBox="1"/>
          <p:nvPr/>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4" name="Rectangle 13">
            <a:extLst>
              <a:ext uri="{FF2B5EF4-FFF2-40B4-BE49-F238E27FC236}">
                <a16:creationId xmlns:a16="http://schemas.microsoft.com/office/drawing/2014/main" id="{6B473FB1-4CB4-448D-B70B-E88D902883D4}"/>
              </a:ext>
            </a:extLst>
          </p:cNvPr>
          <p:cNvSpPr/>
          <p:nvPr/>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 name="Picture 1">
            <a:extLst>
              <a:ext uri="{FF2B5EF4-FFF2-40B4-BE49-F238E27FC236}">
                <a16:creationId xmlns:a16="http://schemas.microsoft.com/office/drawing/2014/main" id="{06715630-EFE2-7585-B06D-D17E68539F1E}"/>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4" name="Slide Number Placeholder 5">
            <a:extLst>
              <a:ext uri="{FF2B5EF4-FFF2-40B4-BE49-F238E27FC236}">
                <a16:creationId xmlns:a16="http://schemas.microsoft.com/office/drawing/2014/main" id="{F98635D6-ECD1-6C8C-F52B-300D368D46B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3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3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55344024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4">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0" r:id="rId3"/>
    <p:sldLayoutId id="2147483680" r:id="rId4"/>
    <p:sldLayoutId id="2147483682" r:id="rId5"/>
    <p:sldLayoutId id="2147483698" r:id="rId6"/>
    <p:sldLayoutId id="2147483699" r:id="rId7"/>
    <p:sldLayoutId id="2147483690" r:id="rId8"/>
    <p:sldLayoutId id="2147483694" r:id="rId9"/>
    <p:sldLayoutId id="2147483695" r:id="rId10"/>
    <p:sldLayoutId id="2147483664" r:id="rId11"/>
    <p:sldLayoutId id="2147483665" r:id="rId12"/>
    <p:sldLayoutId id="2147483666" r:id="rId13"/>
    <p:sldLayoutId id="2147483667" r:id="rId14"/>
    <p:sldLayoutId id="2147483668" r:id="rId15"/>
    <p:sldLayoutId id="2147483669" r:id="rId16"/>
    <p:sldLayoutId id="2147483686" r:id="rId17"/>
    <p:sldLayoutId id="2147483670" r:id="rId18"/>
    <p:sldLayoutId id="2147483675" r:id="rId19"/>
    <p:sldLayoutId id="2147483676" r:id="rId20"/>
    <p:sldLayoutId id="2147483696" r:id="rId21"/>
    <p:sldLayoutId id="2147483697" r:id="rId22"/>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3.xml"/><Relationship Id="rId5" Type="http://schemas.openxmlformats.org/officeDocument/2006/relationships/image" Target="../media/image18.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2.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19.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2.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_rels/slide2.xml.rels><?xml version="1.0" encoding="UTF-8" standalone="yes"?>
<Relationships xmlns="http://schemas.openxmlformats.org/package/2006/relationships"><Relationship Id="rId8" Type="http://schemas.openxmlformats.org/officeDocument/2006/relationships/diagramColors" Target="../diagrams/colors1.xml"/><Relationship Id="rId3" Type="http://schemas.openxmlformats.org/officeDocument/2006/relationships/slideLayout" Target="../slideLayouts/slideLayout2.xml"/><Relationship Id="rId7" Type="http://schemas.openxmlformats.org/officeDocument/2006/relationships/diagramQuickStyle" Target="../diagrams/quickStyle1.xml"/><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diagramLayout" Target="../diagrams/layout1.xml"/><Relationship Id="rId5" Type="http://schemas.openxmlformats.org/officeDocument/2006/relationships/diagramData" Target="../diagrams/data1.xml"/><Relationship Id="rId4" Type="http://schemas.openxmlformats.org/officeDocument/2006/relationships/notesSlide" Target="../notesSlides/notesSlide2.xml"/><Relationship Id="rId9" Type="http://schemas.microsoft.com/office/2007/relationships/diagramDrawing" Target="../diagrams/drawing1.xml"/></Relationships>
</file>

<file path=ppt/slides/_rels/slide20.xml.rels><?xml version="1.0" encoding="UTF-8" standalone="yes"?>
<Relationships xmlns="http://schemas.openxmlformats.org/package/2006/relationships"><Relationship Id="rId3" Type="http://schemas.openxmlformats.org/officeDocument/2006/relationships/diagramLayout" Target="../diagrams/layout5.xml"/><Relationship Id="rId2" Type="http://schemas.openxmlformats.org/officeDocument/2006/relationships/diagramData" Target="../diagrams/data5.xml"/><Relationship Id="rId1" Type="http://schemas.openxmlformats.org/officeDocument/2006/relationships/slideLayout" Target="../slideLayouts/slideLayout4.xml"/><Relationship Id="rId6" Type="http://schemas.microsoft.com/office/2007/relationships/diagramDrawing" Target="../diagrams/drawing5.xml"/><Relationship Id="rId5" Type="http://schemas.openxmlformats.org/officeDocument/2006/relationships/diagramColors" Target="../diagrams/colors5.xml"/><Relationship Id="rId4" Type="http://schemas.openxmlformats.org/officeDocument/2006/relationships/diagramQuickStyle" Target="../diagrams/quickStyle5.xml"/></Relationships>
</file>

<file path=ppt/slides/_rels/slide21.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notesSlide" Target="../notesSlides/notesSlide10.xml"/><Relationship Id="rId1" Type="http://schemas.openxmlformats.org/officeDocument/2006/relationships/slideLayout" Target="../slideLayouts/slideLayout2.xml"/><Relationship Id="rId5" Type="http://schemas.openxmlformats.org/officeDocument/2006/relationships/image" Target="../media/image40.png"/><Relationship Id="rId4" Type="http://schemas.openxmlformats.org/officeDocument/2006/relationships/image" Target="../media/image39.png"/></Relationships>
</file>

<file path=ppt/slides/_rels/slide22.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11.xml"/><Relationship Id="rId1" Type="http://schemas.openxmlformats.org/officeDocument/2006/relationships/slideLayout" Target="../slideLayouts/slideLayout2.xml"/><Relationship Id="rId5" Type="http://schemas.openxmlformats.org/officeDocument/2006/relationships/image" Target="../media/image43.png"/><Relationship Id="rId4" Type="http://schemas.openxmlformats.org/officeDocument/2006/relationships/image" Target="../media/image42.png"/></Relationships>
</file>

<file path=ppt/slides/_rels/slide23.xml.rels><?xml version="1.0" encoding="UTF-8" standalone="yes"?>
<Relationships xmlns="http://schemas.openxmlformats.org/package/2006/relationships"><Relationship Id="rId3" Type="http://schemas.openxmlformats.org/officeDocument/2006/relationships/diagramData" Target="../diagrams/data6.xml"/><Relationship Id="rId7" Type="http://schemas.microsoft.com/office/2007/relationships/diagramDrawing" Target="../diagrams/drawing6.xml"/><Relationship Id="rId2" Type="http://schemas.openxmlformats.org/officeDocument/2006/relationships/notesSlide" Target="../notesSlides/notesSlide12.xml"/><Relationship Id="rId1" Type="http://schemas.openxmlformats.org/officeDocument/2006/relationships/slideLayout" Target="../slideLayouts/slideLayout4.xml"/><Relationship Id="rId6" Type="http://schemas.openxmlformats.org/officeDocument/2006/relationships/diagramColors" Target="../diagrams/colors6.xml"/><Relationship Id="rId5" Type="http://schemas.openxmlformats.org/officeDocument/2006/relationships/diagramQuickStyle" Target="../diagrams/quickStyle6.xml"/><Relationship Id="rId4" Type="http://schemas.openxmlformats.org/officeDocument/2006/relationships/diagramLayout" Target="../diagrams/layout6.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2.xml"/><Relationship Id="rId1" Type="http://schemas.openxmlformats.org/officeDocument/2006/relationships/customXml" Target="../../customXml/item11.xml"/></Relationships>
</file>

<file path=ppt/slides/_rels/slide25.xml.rels><?xml version="1.0" encoding="UTF-8" standalone="yes"?>
<Relationships xmlns="http://schemas.openxmlformats.org/package/2006/relationships"><Relationship Id="rId3" Type="http://schemas.openxmlformats.org/officeDocument/2006/relationships/hyperlink" Target="https://www.anaconda.com/download" TargetMode="External"/><Relationship Id="rId2" Type="http://schemas.openxmlformats.org/officeDocument/2006/relationships/notesSlide" Target="../notesSlides/notesSlide13.xml"/><Relationship Id="rId1" Type="http://schemas.openxmlformats.org/officeDocument/2006/relationships/slideLayout" Target="../slideLayouts/slideLayout2.xml"/><Relationship Id="rId5" Type="http://schemas.openxmlformats.org/officeDocument/2006/relationships/hyperlink" Target="https://jupyter.readthedocs.io/en/latest/" TargetMode="External"/><Relationship Id="rId4" Type="http://schemas.openxmlformats.org/officeDocument/2006/relationships/hyperlink" Target="https://docs.anaconda.com/free/navigator/index.html" TargetMode="Externa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xml"/><Relationship Id="rId1" Type="http://schemas.openxmlformats.org/officeDocument/2006/relationships/customXml" Target="../../customXml/item7.xml"/></Relationships>
</file>

<file path=ppt/slides/_rels/slide4.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3.xml"/><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0.xml"/><Relationship Id="rId1" Type="http://schemas.openxmlformats.org/officeDocument/2006/relationships/customXml" Target="../../customXml/item9.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7.xml"/><Relationship Id="rId1" Type="http://schemas.openxmlformats.org/officeDocument/2006/relationships/slideLayout" Target="../slideLayouts/slideLayout2.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C474F518-2F7F-DAAE-8B23-9F797E16D901}"/>
              </a:ext>
            </a:extLst>
          </p:cNvPr>
          <p:cNvSpPr>
            <a:spLocks noGrp="1"/>
          </p:cNvSpPr>
          <p:nvPr>
            <p:ph type="subTitle" idx="1"/>
          </p:nvPr>
        </p:nvSpPr>
        <p:spPr>
          <a:xfrm>
            <a:off x="1270854" y="3288776"/>
            <a:ext cx="3301146" cy="201521"/>
          </a:xfrm>
        </p:spPr>
        <p:txBody>
          <a:bodyPr/>
          <a:lstStyle/>
          <a:p>
            <a:r>
              <a:rPr lang="en-US" sz="1800" dirty="0"/>
              <a:t>An Introduction to Modern Data-Driven Approaches in Accounting</a:t>
            </a:r>
          </a:p>
        </p:txBody>
      </p:sp>
      <p:sp>
        <p:nvSpPr>
          <p:cNvPr id="3" name="Title 2">
            <a:extLst>
              <a:ext uri="{FF2B5EF4-FFF2-40B4-BE49-F238E27FC236}">
                <a16:creationId xmlns:a16="http://schemas.microsoft.com/office/drawing/2014/main" id="{5C2B5F67-042F-0574-237C-50ADB0FE800C}"/>
              </a:ext>
            </a:extLst>
          </p:cNvPr>
          <p:cNvSpPr>
            <a:spLocks noGrp="1"/>
          </p:cNvSpPr>
          <p:nvPr>
            <p:ph type="title"/>
          </p:nvPr>
        </p:nvSpPr>
        <p:spPr>
          <a:xfrm>
            <a:off x="457200" y="2380706"/>
            <a:ext cx="5352440" cy="697230"/>
          </a:xfrm>
        </p:spPr>
        <p:txBody>
          <a:bodyPr/>
          <a:lstStyle/>
          <a:p>
            <a:r>
              <a:rPr lang="en-US" sz="3400" dirty="0"/>
              <a:t>Statistics, Machine Learning,</a:t>
            </a:r>
            <a:br>
              <a:rPr lang="en-US" sz="3400" dirty="0"/>
            </a:br>
            <a:r>
              <a:rPr lang="en-US" sz="3400" dirty="0"/>
              <a:t> and AI in Accounting</a:t>
            </a:r>
          </a:p>
        </p:txBody>
      </p:sp>
      <p:sp>
        <p:nvSpPr>
          <p:cNvPr id="4" name="Slide Number Placeholder 3">
            <a:extLst>
              <a:ext uri="{FF2B5EF4-FFF2-40B4-BE49-F238E27FC236}">
                <a16:creationId xmlns:a16="http://schemas.microsoft.com/office/drawing/2014/main" id="{D2A12856-B777-E61C-B040-04AF683B4F1F}"/>
              </a:ext>
            </a:extLst>
          </p:cNvPr>
          <p:cNvSpPr>
            <a:spLocks noGrp="1"/>
          </p:cNvSpPr>
          <p:nvPr>
            <p:ph type="sldNum" sz="quarter" idx="4"/>
          </p:nvPr>
        </p:nvSpPr>
        <p:spPr/>
        <p:txBody>
          <a:bodyPr/>
          <a:lstStyle/>
          <a:p>
            <a:fld id="{F8E24598-D429-A34B-B4A6-5808099B37D3}" type="slidenum">
              <a:rPr lang="en-US" smtClean="0"/>
              <a:pPr/>
              <a:t>1</a:t>
            </a:fld>
            <a:endParaRPr lang="en-US" dirty="0"/>
          </a:p>
        </p:txBody>
      </p:sp>
      <p:pic>
        <p:nvPicPr>
          <p:cNvPr id="7" name="Picture 6" descr="A black and white drawing of a person's face&#10;&#10;Description automatically generated">
            <a:extLst>
              <a:ext uri="{FF2B5EF4-FFF2-40B4-BE49-F238E27FC236}">
                <a16:creationId xmlns:a16="http://schemas.microsoft.com/office/drawing/2014/main" id="{E14E51C9-F660-DEB6-344A-C59A48BC0888}"/>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5977434" y="1282650"/>
            <a:ext cx="2709366" cy="2709366"/>
          </a:xfrm>
          <a:prstGeom prst="rect">
            <a:avLst/>
          </a:prstGeom>
        </p:spPr>
      </p:pic>
      <p:sp>
        <p:nvSpPr>
          <p:cNvPr id="8" name="Subtitle 1">
            <a:extLst>
              <a:ext uri="{FF2B5EF4-FFF2-40B4-BE49-F238E27FC236}">
                <a16:creationId xmlns:a16="http://schemas.microsoft.com/office/drawing/2014/main" id="{2F86C3B4-5741-8DA5-B568-095CB784E03E}"/>
              </a:ext>
            </a:extLst>
          </p:cNvPr>
          <p:cNvSpPr txBox="1">
            <a:spLocks/>
          </p:cNvSpPr>
          <p:nvPr/>
        </p:nvSpPr>
        <p:spPr bwMode="auto">
          <a:xfrm>
            <a:off x="5977434" y="4082082"/>
            <a:ext cx="2709366" cy="33586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marL="0" indent="0" algn="ctr" rtl="0" eaLnBrk="1" fontAlgn="base" hangingPunct="1">
              <a:spcBef>
                <a:spcPct val="20000"/>
              </a:spcBef>
              <a:spcAft>
                <a:spcPct val="0"/>
              </a:spcAft>
              <a:buClr>
                <a:schemeClr val="accent2"/>
              </a:buClr>
              <a:buSzPct val="120000"/>
              <a:buFontTx/>
              <a:buNone/>
              <a:defRPr sz="2000" b="0">
                <a:solidFill>
                  <a:schemeClr val="bg1"/>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r>
              <a:rPr lang="en-US" sz="1100" kern="0" dirty="0"/>
              <a:t>An MC Escher depiction of </a:t>
            </a:r>
            <a:br>
              <a:rPr lang="en-US" sz="1100" kern="0" dirty="0"/>
            </a:br>
            <a:r>
              <a:rPr lang="en-US" sz="1100" kern="0" dirty="0"/>
              <a:t>AI thinking about itself </a:t>
            </a:r>
          </a:p>
        </p:txBody>
      </p:sp>
    </p:spTree>
    <p:custDataLst>
      <p:custData r:id="rId1"/>
      <p:custData r:id="rId2"/>
    </p:custDataLst>
    <p:extLst>
      <p:ext uri="{BB962C8B-B14F-4D97-AF65-F5344CB8AC3E}">
        <p14:creationId xmlns:p14="http://schemas.microsoft.com/office/powerpoint/2010/main" val="150005925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Statistical Analysis in Accounting</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10</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latin typeface="Söhne"/>
              </a:rPr>
              <a:t>Improved decision-making</a:t>
            </a:r>
          </a:p>
          <a:p>
            <a:pPr algn="l">
              <a:buFont typeface="Arial" panose="020B0604020202020204" pitchFamily="34" charset="0"/>
              <a:buChar char="•"/>
            </a:pPr>
            <a:r>
              <a:rPr lang="en-US" b="0" i="0" dirty="0">
                <a:solidFill>
                  <a:srgbClr val="374151"/>
                </a:solidFill>
                <a:effectLst/>
                <a:latin typeface="Söhne"/>
              </a:rPr>
              <a:t>Risk assessment and management</a:t>
            </a:r>
          </a:p>
          <a:p>
            <a:pPr algn="l">
              <a:buFont typeface="Arial" panose="020B0604020202020204" pitchFamily="34" charset="0"/>
              <a:buChar char="•"/>
            </a:pPr>
            <a:r>
              <a:rPr lang="en-US" b="0" i="0" dirty="0">
                <a:solidFill>
                  <a:srgbClr val="374151"/>
                </a:solidFill>
                <a:effectLst/>
                <a:latin typeface="Söhne"/>
              </a:rPr>
              <a:t>Budgeting accuracy</a:t>
            </a:r>
          </a:p>
          <a:p>
            <a:r>
              <a:rPr lang="en-US" dirty="0"/>
              <a:t>Fraud detection using anomaly detection</a:t>
            </a:r>
          </a:p>
          <a:p>
            <a:r>
              <a:rPr lang="en-US" dirty="0"/>
              <a:t>Predictive analytics for revenue forecasting</a:t>
            </a:r>
          </a:p>
          <a:p>
            <a:pPr marL="0" indent="0" algn="l">
              <a:buNone/>
            </a:pPr>
            <a:endParaRPr lang="en-US" b="0" i="0" dirty="0">
              <a:solidFill>
                <a:srgbClr val="374151"/>
              </a:solidFill>
              <a:effectLst/>
              <a:latin typeface="Söhne"/>
            </a:endParaRPr>
          </a:p>
          <a:p>
            <a:pPr lvl="1"/>
            <a:endParaRPr lang="en-US" dirty="0"/>
          </a:p>
          <a:p>
            <a:endParaRPr lang="en-US" dirty="0"/>
          </a:p>
        </p:txBody>
      </p:sp>
    </p:spTree>
    <p:extLst>
      <p:ext uri="{BB962C8B-B14F-4D97-AF65-F5344CB8AC3E}">
        <p14:creationId xmlns:p14="http://schemas.microsoft.com/office/powerpoint/2010/main" val="147501252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Statistics, Machine Learning, and AI</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11</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latin typeface="Söhne"/>
              </a:rPr>
              <a:t>Statistics</a:t>
            </a:r>
          </a:p>
          <a:p>
            <a:pPr lvl="1">
              <a:buFont typeface="Arial" panose="020B0604020202020204" pitchFamily="34" charset="0"/>
              <a:buChar char="•"/>
            </a:pPr>
            <a:r>
              <a:rPr lang="en-US" b="0" i="0" dirty="0">
                <a:solidFill>
                  <a:srgbClr val="374151"/>
                </a:solidFill>
                <a:effectLst/>
                <a:latin typeface="Söhne"/>
              </a:rPr>
              <a:t>Mathematics of data collection &amp; analysis.</a:t>
            </a:r>
          </a:p>
          <a:p>
            <a:pPr lvl="1">
              <a:buFont typeface="Arial" panose="020B0604020202020204" pitchFamily="34" charset="0"/>
              <a:buChar char="•"/>
            </a:pPr>
            <a:r>
              <a:rPr lang="en-US" b="0" i="0" dirty="0">
                <a:solidFill>
                  <a:srgbClr val="374151"/>
                </a:solidFill>
                <a:effectLst/>
                <a:latin typeface="Söhne"/>
              </a:rPr>
              <a:t>Describes and infers trends from data.</a:t>
            </a:r>
          </a:p>
          <a:p>
            <a:r>
              <a:rPr lang="en-US" dirty="0">
                <a:solidFill>
                  <a:srgbClr val="374151"/>
                </a:solidFill>
                <a:latin typeface="Söhne"/>
              </a:rPr>
              <a:t>Machine Learning/AI</a:t>
            </a:r>
          </a:p>
          <a:p>
            <a:pPr lvl="1"/>
            <a:r>
              <a:rPr lang="en-US" b="0" i="0" dirty="0">
                <a:solidFill>
                  <a:srgbClr val="374151"/>
                </a:solidFill>
                <a:effectLst/>
                <a:latin typeface="Söhne"/>
              </a:rPr>
              <a:t>Algorithms learn from data patterns.</a:t>
            </a:r>
          </a:p>
          <a:p>
            <a:pPr lvl="1"/>
            <a:r>
              <a:rPr lang="en-US" b="0" i="0" dirty="0">
                <a:solidFill>
                  <a:srgbClr val="374151"/>
                </a:solidFill>
                <a:effectLst/>
                <a:latin typeface="Söhne"/>
              </a:rPr>
              <a:t>Types: Supervised, Unsupervised, Reinforcement.</a:t>
            </a:r>
          </a:p>
          <a:p>
            <a:pPr lvl="1"/>
            <a:r>
              <a:rPr lang="en-US" dirty="0">
                <a:solidFill>
                  <a:srgbClr val="374151"/>
                </a:solidFill>
                <a:latin typeface="Söhne"/>
              </a:rPr>
              <a:t>Computer vision, Large Language Models, etc.</a:t>
            </a:r>
            <a:endParaRPr lang="en-US" b="0" i="0" dirty="0">
              <a:solidFill>
                <a:srgbClr val="374151"/>
              </a:solidFill>
              <a:effectLst/>
              <a:latin typeface="Söhne"/>
            </a:endParaRPr>
          </a:p>
          <a:p>
            <a:endParaRPr lang="en-US" dirty="0"/>
          </a:p>
        </p:txBody>
      </p:sp>
    </p:spTree>
    <p:extLst>
      <p:ext uri="{BB962C8B-B14F-4D97-AF65-F5344CB8AC3E}">
        <p14:creationId xmlns:p14="http://schemas.microsoft.com/office/powerpoint/2010/main" val="42233658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Artificial Intelligence</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12</a:t>
            </a:fld>
            <a:endParaRPr lang="en-US" dirty="0"/>
          </a:p>
        </p:txBody>
      </p:sp>
      <p:pic>
        <p:nvPicPr>
          <p:cNvPr id="1028" name="Picture 4" descr="The differences between Data Science, Artificial Intelligence, Machine  Learning, and Deep Learning | by Naresh Thakur | Artificial Intelligence in  Plain English">
            <a:extLst>
              <a:ext uri="{FF2B5EF4-FFF2-40B4-BE49-F238E27FC236}">
                <a16:creationId xmlns:a16="http://schemas.microsoft.com/office/drawing/2014/main" id="{285999AA-05DE-1E8F-5DA4-AF8C7F0C3F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606928" y="972484"/>
            <a:ext cx="3930144" cy="319853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16495347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a:xfrm>
            <a:off x="457200" y="144838"/>
            <a:ext cx="8418576" cy="685800"/>
          </a:xfrm>
        </p:spPr>
        <p:txBody>
          <a:bodyPr/>
          <a:lstStyle/>
          <a:p>
            <a:r>
              <a:rPr lang="en-US" dirty="0"/>
              <a:t>Challenges in Integrating AI and ML in Accounting</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13</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latin typeface="Söhne"/>
              </a:rPr>
              <a:t>Data privacy concerns</a:t>
            </a:r>
          </a:p>
          <a:p>
            <a:pPr algn="l">
              <a:buFont typeface="Arial" panose="020B0604020202020204" pitchFamily="34" charset="0"/>
              <a:buChar char="•"/>
            </a:pPr>
            <a:r>
              <a:rPr lang="en-US" b="0" i="0" dirty="0">
                <a:solidFill>
                  <a:srgbClr val="374151"/>
                </a:solidFill>
                <a:effectLst/>
                <a:latin typeface="Söhne"/>
              </a:rPr>
              <a:t>Reliability and transparency of AI models</a:t>
            </a:r>
          </a:p>
          <a:p>
            <a:pPr algn="l">
              <a:buFont typeface="Arial" panose="020B0604020202020204" pitchFamily="34" charset="0"/>
              <a:buChar char="•"/>
            </a:pPr>
            <a:r>
              <a:rPr lang="en-US" b="0" i="0" dirty="0">
                <a:solidFill>
                  <a:srgbClr val="374151"/>
                </a:solidFill>
                <a:effectLst/>
                <a:latin typeface="Söhne"/>
              </a:rPr>
              <a:t>Need for continuous training and updating of models</a:t>
            </a:r>
            <a:endParaRPr lang="en-US" dirty="0"/>
          </a:p>
          <a:p>
            <a:endParaRPr lang="en-US" dirty="0"/>
          </a:p>
        </p:txBody>
      </p:sp>
    </p:spTree>
    <p:extLst>
      <p:ext uri="{BB962C8B-B14F-4D97-AF65-F5344CB8AC3E}">
        <p14:creationId xmlns:p14="http://schemas.microsoft.com/office/powerpoint/2010/main" val="809454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Opportunities Ahead</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14</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dirty="0">
                <a:solidFill>
                  <a:srgbClr val="374151"/>
                </a:solidFill>
                <a:latin typeface="Söhne"/>
              </a:rPr>
              <a:t>AI will not replace humans; humans with AI will replace humans</a:t>
            </a:r>
          </a:p>
          <a:p>
            <a:pPr lvl="1"/>
            <a:endParaRPr lang="en-US" dirty="0"/>
          </a:p>
          <a:p>
            <a:endParaRPr lang="en-US" dirty="0"/>
          </a:p>
        </p:txBody>
      </p:sp>
      <p:pic>
        <p:nvPicPr>
          <p:cNvPr id="3" name="Content Placeholder 5">
            <a:extLst>
              <a:ext uri="{FF2B5EF4-FFF2-40B4-BE49-F238E27FC236}">
                <a16:creationId xmlns:a16="http://schemas.microsoft.com/office/drawing/2014/main" id="{B558D51C-9176-49A1-C5BA-E86637289068}"/>
              </a:ext>
            </a:extLst>
          </p:cNvPr>
          <p:cNvPicPr>
            <a:picLocks noChangeAspect="1"/>
          </p:cNvPicPr>
          <p:nvPr/>
        </p:nvPicPr>
        <p:blipFill>
          <a:blip r:embed="rId2"/>
          <a:stretch>
            <a:fillRect/>
          </a:stretch>
        </p:blipFill>
        <p:spPr bwMode="auto">
          <a:xfrm>
            <a:off x="1347344" y="1941763"/>
            <a:ext cx="6449312" cy="2158007"/>
          </a:xfrm>
          <a:prstGeom prst="rect">
            <a:avLst/>
          </a:prstGeom>
          <a:noFill/>
          <a:ln w="9525">
            <a:noFill/>
            <a:miter lim="800000"/>
            <a:headEnd/>
            <a:tailEnd/>
          </a:ln>
        </p:spPr>
      </p:pic>
    </p:spTree>
    <p:extLst>
      <p:ext uri="{BB962C8B-B14F-4D97-AF65-F5344CB8AC3E}">
        <p14:creationId xmlns:p14="http://schemas.microsoft.com/office/powerpoint/2010/main" val="111271563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Conclusion</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15</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latin typeface="Söhne"/>
              </a:rPr>
              <a:t>The convergence of statistics, ML, and AI is inevitable in the accounting domain</a:t>
            </a:r>
          </a:p>
          <a:p>
            <a:pPr algn="l">
              <a:buFont typeface="Arial" panose="020B0604020202020204" pitchFamily="34" charset="0"/>
              <a:buChar char="•"/>
            </a:pPr>
            <a:r>
              <a:rPr lang="en-US" b="0" i="0" dirty="0">
                <a:solidFill>
                  <a:srgbClr val="374151"/>
                </a:solidFill>
                <a:effectLst/>
                <a:latin typeface="Söhne"/>
              </a:rPr>
              <a:t>Embracing these tools can lead to improved efficiency, accuracy, and decision-making</a:t>
            </a:r>
          </a:p>
          <a:p>
            <a:pPr algn="l">
              <a:buFont typeface="Arial" panose="020B0604020202020204" pitchFamily="34" charset="0"/>
              <a:buChar char="•"/>
            </a:pPr>
            <a:r>
              <a:rPr lang="en-US" b="0" i="0" dirty="0">
                <a:solidFill>
                  <a:srgbClr val="374151"/>
                </a:solidFill>
                <a:effectLst/>
                <a:latin typeface="Söhne"/>
              </a:rPr>
              <a:t>The future of accounting is </a:t>
            </a:r>
            <a:r>
              <a:rPr lang="en-US" b="1" i="1" u="sng" dirty="0">
                <a:solidFill>
                  <a:srgbClr val="374151"/>
                </a:solidFill>
                <a:effectLst/>
                <a:latin typeface="Söhne"/>
              </a:rPr>
              <a:t>data-driven</a:t>
            </a:r>
          </a:p>
          <a:p>
            <a:pPr lvl="1"/>
            <a:endParaRPr lang="en-US" dirty="0"/>
          </a:p>
          <a:p>
            <a:endParaRPr lang="en-US" dirty="0"/>
          </a:p>
        </p:txBody>
      </p:sp>
    </p:spTree>
    <p:extLst>
      <p:ext uri="{BB962C8B-B14F-4D97-AF65-F5344CB8AC3E}">
        <p14:creationId xmlns:p14="http://schemas.microsoft.com/office/powerpoint/2010/main" val="357975090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A4F9678-FFA7-FCCC-C539-57EF449E45E5}"/>
              </a:ext>
            </a:extLst>
          </p:cNvPr>
          <p:cNvSpPr>
            <a:spLocks noGrp="1"/>
          </p:cNvSpPr>
          <p:nvPr>
            <p:ph type="sldNum" sz="quarter" idx="4"/>
          </p:nvPr>
        </p:nvSpPr>
        <p:spPr/>
        <p:txBody>
          <a:bodyPr/>
          <a:lstStyle/>
          <a:p>
            <a:fld id="{F8E24598-D429-A34B-B4A6-5808099B37D3}" type="slidenum">
              <a:rPr lang="en-US" smtClean="0"/>
              <a:pPr/>
              <a:t>16</a:t>
            </a:fld>
            <a:endParaRPr lang="en-US" dirty="0"/>
          </a:p>
        </p:txBody>
      </p:sp>
      <p:sp>
        <p:nvSpPr>
          <p:cNvPr id="3" name="Subtitle 2">
            <a:extLst>
              <a:ext uri="{FF2B5EF4-FFF2-40B4-BE49-F238E27FC236}">
                <a16:creationId xmlns:a16="http://schemas.microsoft.com/office/drawing/2014/main" id="{895216B6-23B2-D767-2639-7C2343706118}"/>
              </a:ext>
            </a:extLst>
          </p:cNvPr>
          <p:cNvSpPr>
            <a:spLocks noGrp="1"/>
          </p:cNvSpPr>
          <p:nvPr>
            <p:ph type="subTitle" idx="1"/>
          </p:nvPr>
        </p:nvSpPr>
        <p:spPr/>
        <p:txBody>
          <a:bodyPr/>
          <a:lstStyle/>
          <a:p>
            <a:endParaRPr lang="en-US"/>
          </a:p>
        </p:txBody>
      </p:sp>
      <p:sp>
        <p:nvSpPr>
          <p:cNvPr id="4" name="Title 3">
            <a:extLst>
              <a:ext uri="{FF2B5EF4-FFF2-40B4-BE49-F238E27FC236}">
                <a16:creationId xmlns:a16="http://schemas.microsoft.com/office/drawing/2014/main" id="{924DFCBD-C88D-ABAC-AF41-3AC83E834C02}"/>
              </a:ext>
            </a:extLst>
          </p:cNvPr>
          <p:cNvSpPr>
            <a:spLocks noGrp="1"/>
          </p:cNvSpPr>
          <p:nvPr>
            <p:ph type="title"/>
          </p:nvPr>
        </p:nvSpPr>
        <p:spPr/>
        <p:txBody>
          <a:bodyPr/>
          <a:lstStyle/>
          <a:p>
            <a:r>
              <a:rPr lang="en-US" dirty="0"/>
              <a:t>Introduction to Programming</a:t>
            </a:r>
          </a:p>
        </p:txBody>
      </p:sp>
    </p:spTree>
    <p:extLst>
      <p:ext uri="{BB962C8B-B14F-4D97-AF65-F5344CB8AC3E}">
        <p14:creationId xmlns:p14="http://schemas.microsoft.com/office/powerpoint/2010/main" val="62513277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412B03-1662-F4EA-0AEA-121D1A9DB738}"/>
              </a:ext>
            </a:extLst>
          </p:cNvPr>
          <p:cNvSpPr>
            <a:spLocks noGrp="1"/>
          </p:cNvSpPr>
          <p:nvPr>
            <p:ph type="title"/>
          </p:nvPr>
        </p:nvSpPr>
        <p:spPr/>
        <p:txBody>
          <a:bodyPr/>
          <a:lstStyle/>
          <a:p>
            <a:r>
              <a:rPr lang="en-US" dirty="0"/>
              <a:t>Why Accountants Should Learn Programming</a:t>
            </a:r>
          </a:p>
        </p:txBody>
      </p:sp>
      <p:sp>
        <p:nvSpPr>
          <p:cNvPr id="3" name="Content Placeholder 2">
            <a:extLst>
              <a:ext uri="{FF2B5EF4-FFF2-40B4-BE49-F238E27FC236}">
                <a16:creationId xmlns:a16="http://schemas.microsoft.com/office/drawing/2014/main" id="{878FBF97-36C7-8CEA-4094-3111FA1DD6E1}"/>
              </a:ext>
            </a:extLst>
          </p:cNvPr>
          <p:cNvSpPr>
            <a:spLocks noGrp="1"/>
          </p:cNvSpPr>
          <p:nvPr>
            <p:ph idx="1"/>
          </p:nvPr>
        </p:nvSpPr>
        <p:spPr/>
        <p:txBody>
          <a:bodyPr/>
          <a:lstStyle/>
          <a:p>
            <a:r>
              <a:rPr lang="en-US" dirty="0"/>
              <a:t>Efficiency</a:t>
            </a:r>
          </a:p>
          <a:p>
            <a:pPr lvl="1"/>
            <a:r>
              <a:rPr lang="en-US" dirty="0"/>
              <a:t>Automate repetitive tasks like data entry and report generation</a:t>
            </a:r>
          </a:p>
          <a:p>
            <a:r>
              <a:rPr lang="en-US" dirty="0"/>
              <a:t>Data Analysis</a:t>
            </a:r>
          </a:p>
          <a:p>
            <a:pPr lvl="1"/>
            <a:r>
              <a:rPr lang="en-US" dirty="0"/>
              <a:t>Handle large datasets easily, making better decisions with data</a:t>
            </a:r>
          </a:p>
          <a:p>
            <a:r>
              <a:rPr lang="en-US" dirty="0"/>
              <a:t>Adaptability</a:t>
            </a:r>
          </a:p>
          <a:p>
            <a:pPr lvl="1"/>
            <a:r>
              <a:rPr lang="en-US" dirty="0"/>
              <a:t>Stay competitive in a tech-driven industry</a:t>
            </a:r>
          </a:p>
          <a:p>
            <a:r>
              <a:rPr lang="en-US" dirty="0"/>
              <a:t>Problem Solving</a:t>
            </a:r>
          </a:p>
          <a:p>
            <a:pPr lvl="1"/>
            <a:r>
              <a:rPr lang="en-US" dirty="0"/>
              <a:t>Develop critical thinking and problem solving skills</a:t>
            </a:r>
          </a:p>
        </p:txBody>
      </p:sp>
      <p:sp>
        <p:nvSpPr>
          <p:cNvPr id="4" name="Slide Number Placeholder 3">
            <a:extLst>
              <a:ext uri="{FF2B5EF4-FFF2-40B4-BE49-F238E27FC236}">
                <a16:creationId xmlns:a16="http://schemas.microsoft.com/office/drawing/2014/main" id="{D4E55296-069F-4467-BA6A-B3E4128444FC}"/>
              </a:ext>
            </a:extLst>
          </p:cNvPr>
          <p:cNvSpPr>
            <a:spLocks noGrp="1"/>
          </p:cNvSpPr>
          <p:nvPr>
            <p:ph type="sldNum" sz="quarter" idx="4"/>
          </p:nvPr>
        </p:nvSpPr>
        <p:spPr/>
        <p:txBody>
          <a:bodyPr/>
          <a:lstStyle/>
          <a:p>
            <a:fld id="{6DAB3F6F-6A30-410C-8DAB-3E7769D71CBC}" type="slidenum">
              <a:rPr lang="en-US" smtClean="0"/>
              <a:pPr/>
              <a:t>17</a:t>
            </a:fld>
            <a:endParaRPr lang="en-US" dirty="0"/>
          </a:p>
        </p:txBody>
      </p:sp>
    </p:spTree>
    <p:extLst>
      <p:ext uri="{BB962C8B-B14F-4D97-AF65-F5344CB8AC3E}">
        <p14:creationId xmlns:p14="http://schemas.microsoft.com/office/powerpoint/2010/main" val="7829669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DA885E5-4441-29AF-E6E2-3E41B9349969}"/>
              </a:ext>
            </a:extLst>
          </p:cNvPr>
          <p:cNvSpPr>
            <a:spLocks noGrp="1"/>
          </p:cNvSpPr>
          <p:nvPr>
            <p:ph type="title"/>
          </p:nvPr>
        </p:nvSpPr>
        <p:spPr/>
        <p:txBody>
          <a:bodyPr/>
          <a:lstStyle/>
          <a:p>
            <a:r>
              <a:rPr lang="en-US" dirty="0"/>
              <a:t>What is Programming?</a:t>
            </a:r>
          </a:p>
        </p:txBody>
      </p:sp>
      <p:sp>
        <p:nvSpPr>
          <p:cNvPr id="3" name="Content Placeholder 2">
            <a:extLst>
              <a:ext uri="{FF2B5EF4-FFF2-40B4-BE49-F238E27FC236}">
                <a16:creationId xmlns:a16="http://schemas.microsoft.com/office/drawing/2014/main" id="{23D53AF4-43E8-CFB5-A9A6-10F1D6DA7316}"/>
              </a:ext>
            </a:extLst>
          </p:cNvPr>
          <p:cNvSpPr>
            <a:spLocks noGrp="1"/>
          </p:cNvSpPr>
          <p:nvPr>
            <p:ph idx="1"/>
          </p:nvPr>
        </p:nvSpPr>
        <p:spPr>
          <a:xfrm>
            <a:off x="457200" y="804672"/>
            <a:ext cx="4667250" cy="3672078"/>
          </a:xfrm>
        </p:spPr>
        <p:txBody>
          <a:bodyPr/>
          <a:lstStyle/>
          <a:p>
            <a:r>
              <a:rPr lang="en-US" dirty="0"/>
              <a:t>Definition</a:t>
            </a:r>
          </a:p>
          <a:p>
            <a:pPr lvl="1"/>
            <a:r>
              <a:rPr lang="en-US" dirty="0"/>
              <a:t>Writing instructions for computers to perform specific tasks.</a:t>
            </a:r>
          </a:p>
          <a:p>
            <a:r>
              <a:rPr lang="en-US" dirty="0"/>
              <a:t>Why</a:t>
            </a:r>
          </a:p>
          <a:p>
            <a:pPr lvl="1"/>
            <a:r>
              <a:rPr lang="en-US" dirty="0"/>
              <a:t> To solve problems, automate processes, and manage data efficiently.</a:t>
            </a:r>
          </a:p>
          <a:p>
            <a:r>
              <a:rPr lang="en-US" dirty="0"/>
              <a:t>Key Idea</a:t>
            </a:r>
          </a:p>
          <a:p>
            <a:pPr lvl="1"/>
            <a:r>
              <a:rPr lang="en-US" dirty="0"/>
              <a:t>Programming is about telling the computer what to do </a:t>
            </a:r>
            <a:r>
              <a:rPr lang="en-US" b="1" u="sng" dirty="0"/>
              <a:t>step by step.</a:t>
            </a:r>
          </a:p>
        </p:txBody>
      </p:sp>
      <p:sp>
        <p:nvSpPr>
          <p:cNvPr id="4" name="Slide Number Placeholder 3">
            <a:extLst>
              <a:ext uri="{FF2B5EF4-FFF2-40B4-BE49-F238E27FC236}">
                <a16:creationId xmlns:a16="http://schemas.microsoft.com/office/drawing/2014/main" id="{3870760E-ECCD-C191-18DA-D6E24A4D87EA}"/>
              </a:ext>
            </a:extLst>
          </p:cNvPr>
          <p:cNvSpPr>
            <a:spLocks noGrp="1"/>
          </p:cNvSpPr>
          <p:nvPr>
            <p:ph type="sldNum" sz="quarter" idx="4"/>
          </p:nvPr>
        </p:nvSpPr>
        <p:spPr/>
        <p:txBody>
          <a:bodyPr/>
          <a:lstStyle/>
          <a:p>
            <a:fld id="{6DAB3F6F-6A30-410C-8DAB-3E7769D71CBC}" type="slidenum">
              <a:rPr lang="en-US" smtClean="0"/>
              <a:pPr/>
              <a:t>18</a:t>
            </a:fld>
            <a:endParaRPr lang="en-US" dirty="0"/>
          </a:p>
        </p:txBody>
      </p:sp>
      <p:graphicFrame>
        <p:nvGraphicFramePr>
          <p:cNvPr id="5" name="Diagram 4">
            <a:extLst>
              <a:ext uri="{FF2B5EF4-FFF2-40B4-BE49-F238E27FC236}">
                <a16:creationId xmlns:a16="http://schemas.microsoft.com/office/drawing/2014/main" id="{22DCADA4-7FBF-E3DB-7F6F-705137B2742C}"/>
              </a:ext>
            </a:extLst>
          </p:cNvPr>
          <p:cNvGraphicFramePr/>
          <p:nvPr>
            <p:extLst>
              <p:ext uri="{D42A27DB-BD31-4B8C-83A1-F6EECF244321}">
                <p14:modId xmlns:p14="http://schemas.microsoft.com/office/powerpoint/2010/main" val="4095999363"/>
              </p:ext>
            </p:extLst>
          </p:nvPr>
        </p:nvGraphicFramePr>
        <p:xfrm>
          <a:off x="3943350" y="487738"/>
          <a:ext cx="6096000" cy="40640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85080046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E07CBD-BAD4-5E60-02ED-CA5062E41643}"/>
              </a:ext>
            </a:extLst>
          </p:cNvPr>
          <p:cNvSpPr>
            <a:spLocks noGrp="1"/>
          </p:cNvSpPr>
          <p:nvPr>
            <p:ph type="title"/>
          </p:nvPr>
        </p:nvSpPr>
        <p:spPr>
          <a:xfrm>
            <a:off x="457200" y="144838"/>
            <a:ext cx="8229600" cy="685800"/>
          </a:xfrm>
        </p:spPr>
        <p:txBody>
          <a:bodyPr wrap="square" anchor="ctr">
            <a:normAutofit/>
          </a:bodyPr>
          <a:lstStyle/>
          <a:p>
            <a:r>
              <a:rPr lang="en-US" sz="3000" dirty="0"/>
              <a:t>An Example: Automating Statement Reconciliation</a:t>
            </a:r>
          </a:p>
        </p:txBody>
      </p:sp>
      <p:sp>
        <p:nvSpPr>
          <p:cNvPr id="4" name="Slide Number Placeholder 3">
            <a:extLst>
              <a:ext uri="{FF2B5EF4-FFF2-40B4-BE49-F238E27FC236}">
                <a16:creationId xmlns:a16="http://schemas.microsoft.com/office/drawing/2014/main" id="{CD130310-A29D-2E20-CD05-1ECE81D93576}"/>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19</a:t>
            </a:fld>
            <a:endParaRPr lang="en-US"/>
          </a:p>
        </p:txBody>
      </p:sp>
      <p:graphicFrame>
        <p:nvGraphicFramePr>
          <p:cNvPr id="6" name="Content Placeholder 2">
            <a:extLst>
              <a:ext uri="{FF2B5EF4-FFF2-40B4-BE49-F238E27FC236}">
                <a16:creationId xmlns:a16="http://schemas.microsoft.com/office/drawing/2014/main" id="{FC6E4BD7-4C3B-E7BA-62B3-2EBC0FF160FA}"/>
              </a:ext>
            </a:extLst>
          </p:cNvPr>
          <p:cNvGraphicFramePr>
            <a:graphicFrameLocks noGrp="1"/>
          </p:cNvGraphicFramePr>
          <p:nvPr>
            <p:ph idx="1"/>
            <p:extLst>
              <p:ext uri="{D42A27DB-BD31-4B8C-83A1-F6EECF244321}">
                <p14:modId xmlns:p14="http://schemas.microsoft.com/office/powerpoint/2010/main" val="301871553"/>
              </p:ext>
            </p:extLst>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4089327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D8637-AAD4-B1D2-502A-D679B03DAE7B}"/>
              </a:ext>
            </a:extLst>
          </p:cNvPr>
          <p:cNvSpPr>
            <a:spLocks noGrp="1"/>
          </p:cNvSpPr>
          <p:nvPr>
            <p:ph type="title"/>
          </p:nvPr>
        </p:nvSpPr>
        <p:spPr/>
        <p:txBody>
          <a:bodyPr/>
          <a:lstStyle/>
          <a:p>
            <a:r>
              <a:rPr lang="en-US" dirty="0"/>
              <a:t>Agenda</a:t>
            </a:r>
          </a:p>
        </p:txBody>
      </p:sp>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2</a:t>
            </a:fld>
            <a:endParaRPr lang="en-US" dirty="0"/>
          </a:p>
        </p:txBody>
      </p:sp>
      <p:sp>
        <p:nvSpPr>
          <p:cNvPr id="13" name="Slide Number Placeholder 3">
            <a:extLst>
              <a:ext uri="{FF2B5EF4-FFF2-40B4-BE49-F238E27FC236}">
                <a16:creationId xmlns:a16="http://schemas.microsoft.com/office/drawing/2014/main" id="{EC3C884E-9E0F-18D0-0F11-3D9D2C0DA923}"/>
              </a:ext>
            </a:extLst>
          </p:cNvPr>
          <p:cNvSpPr txBox="1">
            <a:spLocks/>
          </p:cNvSpPr>
          <p:nvPr/>
        </p:nvSpPr>
        <p:spPr>
          <a:xfrm>
            <a:off x="8572280" y="4670591"/>
            <a:ext cx="395782" cy="342900"/>
          </a:xfrm>
          <a:prstGeom prst="rect">
            <a:avLst/>
          </a:prstGeom>
        </p:spPr>
        <p:txBody>
          <a:bodyPr anchor="ctr" anchorCtr="0">
            <a:normAutofit/>
          </a:bodyPr>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spcAft>
                <a:spcPts val="600"/>
              </a:spcAft>
            </a:pPr>
            <a:fld id="{6DAB3F6F-6A30-410C-8DAB-3E7769D71CBC}" type="slidenum">
              <a:rPr lang="en-US" smtClean="0"/>
              <a:pPr>
                <a:spcAft>
                  <a:spcPts val="600"/>
                </a:spcAft>
              </a:pPr>
              <a:t>2</a:t>
            </a:fld>
            <a:endParaRPr lang="en-US"/>
          </a:p>
        </p:txBody>
      </p:sp>
      <p:graphicFrame>
        <p:nvGraphicFramePr>
          <p:cNvPr id="14" name="Content Placeholder 2">
            <a:extLst>
              <a:ext uri="{FF2B5EF4-FFF2-40B4-BE49-F238E27FC236}">
                <a16:creationId xmlns:a16="http://schemas.microsoft.com/office/drawing/2014/main" id="{D8AF8747-7739-CE22-E4C8-91BBAC23B2ED}"/>
              </a:ext>
            </a:extLst>
          </p:cNvPr>
          <p:cNvGraphicFramePr>
            <a:graphicFrameLocks/>
          </p:cNvGraphicFramePr>
          <p:nvPr>
            <p:extLst>
              <p:ext uri="{D42A27DB-BD31-4B8C-83A1-F6EECF244321}">
                <p14:modId xmlns:p14="http://schemas.microsoft.com/office/powerpoint/2010/main" val="2859932133"/>
              </p:ext>
            </p:extLst>
          </p:nvPr>
        </p:nvGraphicFramePr>
        <p:xfrm>
          <a:off x="2552700" y="731520"/>
          <a:ext cx="4038600" cy="3841092"/>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custDataLst>
      <p:custData r:id="rId1"/>
      <p:custData r:id="rId2"/>
    </p:custDataLst>
    <p:extLst>
      <p:ext uri="{BB962C8B-B14F-4D97-AF65-F5344CB8AC3E}">
        <p14:creationId xmlns:p14="http://schemas.microsoft.com/office/powerpoint/2010/main" val="67858132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B9B3AE4-D7C5-480F-977C-E7EFBEE92025}"/>
              </a:ext>
            </a:extLst>
          </p:cNvPr>
          <p:cNvSpPr>
            <a:spLocks noGrp="1"/>
          </p:cNvSpPr>
          <p:nvPr>
            <p:ph type="title"/>
          </p:nvPr>
        </p:nvSpPr>
        <p:spPr>
          <a:xfrm>
            <a:off x="457200" y="325813"/>
            <a:ext cx="8229600" cy="685800"/>
          </a:xfrm>
        </p:spPr>
        <p:txBody>
          <a:bodyPr wrap="square" anchor="ctr">
            <a:normAutofit/>
          </a:bodyPr>
          <a:lstStyle/>
          <a:p>
            <a:r>
              <a:rPr lang="en-US" dirty="0"/>
              <a:t>Introduction to Python</a:t>
            </a:r>
          </a:p>
        </p:txBody>
      </p:sp>
      <p:sp>
        <p:nvSpPr>
          <p:cNvPr id="4" name="Slide Number Placeholder 3">
            <a:extLst>
              <a:ext uri="{FF2B5EF4-FFF2-40B4-BE49-F238E27FC236}">
                <a16:creationId xmlns:a16="http://schemas.microsoft.com/office/drawing/2014/main" id="{6EEAB31A-5324-12A3-3699-E1F377B08112}"/>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20</a:t>
            </a:fld>
            <a:endParaRPr lang="en-US"/>
          </a:p>
        </p:txBody>
      </p:sp>
      <p:graphicFrame>
        <p:nvGraphicFramePr>
          <p:cNvPr id="6" name="Content Placeholder 2">
            <a:extLst>
              <a:ext uri="{FF2B5EF4-FFF2-40B4-BE49-F238E27FC236}">
                <a16:creationId xmlns:a16="http://schemas.microsoft.com/office/drawing/2014/main" id="{6810E21C-9564-46FE-DD02-8F7345BB2E60}"/>
              </a:ext>
            </a:extLst>
          </p:cNvPr>
          <p:cNvGraphicFramePr>
            <a:graphicFrameLocks noGrp="1"/>
          </p:cNvGraphicFramePr>
          <p:nvPr>
            <p:ph idx="1"/>
            <p:extLst>
              <p:ext uri="{D42A27DB-BD31-4B8C-83A1-F6EECF244321}">
                <p14:modId xmlns:p14="http://schemas.microsoft.com/office/powerpoint/2010/main" val="427314395"/>
              </p:ext>
            </p:extLst>
          </p:nvPr>
        </p:nvGraphicFramePr>
        <p:xfrm>
          <a:off x="457200" y="1085850"/>
          <a:ext cx="8229600" cy="342611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81829518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655CF1-BB37-385C-C98E-6ADF1620F788}"/>
              </a:ext>
            </a:extLst>
          </p:cNvPr>
          <p:cNvSpPr>
            <a:spLocks noGrp="1"/>
          </p:cNvSpPr>
          <p:nvPr>
            <p:ph type="title"/>
          </p:nvPr>
        </p:nvSpPr>
        <p:spPr/>
        <p:txBody>
          <a:bodyPr/>
          <a:lstStyle/>
          <a:p>
            <a:r>
              <a:rPr lang="en-US" sz="2400" dirty="0"/>
              <a:t>How a Programmer Thinks: Algorithm Development &amp; Coding</a:t>
            </a:r>
          </a:p>
        </p:txBody>
      </p:sp>
      <p:sp>
        <p:nvSpPr>
          <p:cNvPr id="3" name="Content Placeholder 2">
            <a:extLst>
              <a:ext uri="{FF2B5EF4-FFF2-40B4-BE49-F238E27FC236}">
                <a16:creationId xmlns:a16="http://schemas.microsoft.com/office/drawing/2014/main" id="{4E2DCB95-F01A-4D73-C268-5E9F7B160FA3}"/>
              </a:ext>
            </a:extLst>
          </p:cNvPr>
          <p:cNvSpPr>
            <a:spLocks noGrp="1"/>
          </p:cNvSpPr>
          <p:nvPr>
            <p:ph idx="1"/>
          </p:nvPr>
        </p:nvSpPr>
        <p:spPr/>
        <p:txBody>
          <a:bodyPr/>
          <a:lstStyle/>
          <a:p>
            <a:r>
              <a:rPr lang="en-US" sz="2000" dirty="0"/>
              <a:t>Import Libraries</a:t>
            </a:r>
          </a:p>
          <a:p>
            <a:pPr lvl="1"/>
            <a:r>
              <a:rPr lang="en-US" sz="1800" dirty="0"/>
              <a:t>First, we need a line of code to tell the computer what tools (libraries) we need.</a:t>
            </a:r>
          </a:p>
          <a:p>
            <a:pPr lvl="1"/>
            <a:r>
              <a:rPr lang="en-US" sz="1800" dirty="0"/>
              <a:t>Example: </a:t>
            </a:r>
          </a:p>
          <a:p>
            <a:r>
              <a:rPr lang="en-US" sz="2000" dirty="0"/>
              <a:t>Read Data</a:t>
            </a:r>
          </a:p>
          <a:p>
            <a:pPr lvl="1"/>
            <a:r>
              <a:rPr lang="en-US" sz="1800" dirty="0"/>
              <a:t>Next, we tell the computer where to find the data we want to work with.</a:t>
            </a:r>
          </a:p>
          <a:p>
            <a:pPr lvl="1"/>
            <a:r>
              <a:rPr lang="en-US" sz="1800" dirty="0"/>
              <a:t>Example: </a:t>
            </a:r>
          </a:p>
          <a:p>
            <a:r>
              <a:rPr lang="en-US" sz="2000" dirty="0"/>
              <a:t>Data Cleaning</a:t>
            </a:r>
          </a:p>
          <a:p>
            <a:pPr lvl="1"/>
            <a:r>
              <a:rPr lang="en-US" sz="1800" dirty="0"/>
              <a:t>We clean or format the data to ensure consistency and usability.</a:t>
            </a:r>
          </a:p>
          <a:p>
            <a:pPr lvl="1"/>
            <a:r>
              <a:rPr lang="en-US" sz="1800" dirty="0"/>
              <a:t>Example: </a:t>
            </a:r>
          </a:p>
          <a:p>
            <a:pPr lvl="1"/>
            <a:endParaRPr lang="en-US" sz="1800" dirty="0"/>
          </a:p>
        </p:txBody>
      </p:sp>
      <p:sp>
        <p:nvSpPr>
          <p:cNvPr id="4" name="Slide Number Placeholder 3">
            <a:extLst>
              <a:ext uri="{FF2B5EF4-FFF2-40B4-BE49-F238E27FC236}">
                <a16:creationId xmlns:a16="http://schemas.microsoft.com/office/drawing/2014/main" id="{29CCFF0F-4740-A238-567E-2628AF9439B4}"/>
              </a:ext>
            </a:extLst>
          </p:cNvPr>
          <p:cNvSpPr>
            <a:spLocks noGrp="1"/>
          </p:cNvSpPr>
          <p:nvPr>
            <p:ph type="sldNum" sz="quarter" idx="4"/>
          </p:nvPr>
        </p:nvSpPr>
        <p:spPr/>
        <p:txBody>
          <a:bodyPr/>
          <a:lstStyle/>
          <a:p>
            <a:fld id="{6DAB3F6F-6A30-410C-8DAB-3E7769D71CBC}" type="slidenum">
              <a:rPr lang="en-US" smtClean="0"/>
              <a:pPr/>
              <a:t>21</a:t>
            </a:fld>
            <a:endParaRPr lang="en-US" dirty="0"/>
          </a:p>
        </p:txBody>
      </p:sp>
      <p:pic>
        <p:nvPicPr>
          <p:cNvPr id="8" name="Picture 7">
            <a:extLst>
              <a:ext uri="{FF2B5EF4-FFF2-40B4-BE49-F238E27FC236}">
                <a16:creationId xmlns:a16="http://schemas.microsoft.com/office/drawing/2014/main" id="{40A806F5-1427-33CD-D230-3953EB52631D}"/>
              </a:ext>
            </a:extLst>
          </p:cNvPr>
          <p:cNvPicPr>
            <a:picLocks noChangeAspect="1"/>
          </p:cNvPicPr>
          <p:nvPr/>
        </p:nvPicPr>
        <p:blipFill>
          <a:blip r:embed="rId3"/>
          <a:stretch>
            <a:fillRect/>
          </a:stretch>
        </p:blipFill>
        <p:spPr>
          <a:xfrm>
            <a:off x="2181125" y="1872769"/>
            <a:ext cx="1428949" cy="247685"/>
          </a:xfrm>
          <a:prstGeom prst="rect">
            <a:avLst/>
          </a:prstGeom>
        </p:spPr>
      </p:pic>
      <p:pic>
        <p:nvPicPr>
          <p:cNvPr id="10" name="Picture 9">
            <a:extLst>
              <a:ext uri="{FF2B5EF4-FFF2-40B4-BE49-F238E27FC236}">
                <a16:creationId xmlns:a16="http://schemas.microsoft.com/office/drawing/2014/main" id="{DC3C5BD1-7910-C4AD-4840-1FF86E6FACC9}"/>
              </a:ext>
            </a:extLst>
          </p:cNvPr>
          <p:cNvPicPr>
            <a:picLocks noChangeAspect="1"/>
          </p:cNvPicPr>
          <p:nvPr/>
        </p:nvPicPr>
        <p:blipFill>
          <a:blip r:embed="rId4"/>
          <a:stretch>
            <a:fillRect/>
          </a:stretch>
        </p:blipFill>
        <p:spPr>
          <a:xfrm>
            <a:off x="2181125" y="2889678"/>
            <a:ext cx="2991267" cy="266737"/>
          </a:xfrm>
          <a:prstGeom prst="rect">
            <a:avLst/>
          </a:prstGeom>
        </p:spPr>
      </p:pic>
      <p:pic>
        <p:nvPicPr>
          <p:cNvPr id="12" name="Picture 11">
            <a:extLst>
              <a:ext uri="{FF2B5EF4-FFF2-40B4-BE49-F238E27FC236}">
                <a16:creationId xmlns:a16="http://schemas.microsoft.com/office/drawing/2014/main" id="{0338E9E1-9BC1-0AE7-A2E2-030AFD1B0161}"/>
              </a:ext>
            </a:extLst>
          </p:cNvPr>
          <p:cNvPicPr>
            <a:picLocks noChangeAspect="1"/>
          </p:cNvPicPr>
          <p:nvPr/>
        </p:nvPicPr>
        <p:blipFill>
          <a:blip r:embed="rId5"/>
          <a:stretch>
            <a:fillRect/>
          </a:stretch>
        </p:blipFill>
        <p:spPr>
          <a:xfrm>
            <a:off x="2181125" y="3844625"/>
            <a:ext cx="4906060" cy="266737"/>
          </a:xfrm>
          <a:prstGeom prst="rect">
            <a:avLst/>
          </a:prstGeom>
        </p:spPr>
      </p:pic>
    </p:spTree>
    <p:extLst>
      <p:ext uri="{BB962C8B-B14F-4D97-AF65-F5344CB8AC3E}">
        <p14:creationId xmlns:p14="http://schemas.microsoft.com/office/powerpoint/2010/main" val="360278520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655CF1-BB37-385C-C98E-6ADF1620F788}"/>
              </a:ext>
            </a:extLst>
          </p:cNvPr>
          <p:cNvSpPr>
            <a:spLocks noGrp="1"/>
          </p:cNvSpPr>
          <p:nvPr>
            <p:ph type="title"/>
          </p:nvPr>
        </p:nvSpPr>
        <p:spPr/>
        <p:txBody>
          <a:bodyPr/>
          <a:lstStyle/>
          <a:p>
            <a:r>
              <a:rPr lang="en-US" sz="2400" dirty="0"/>
              <a:t>How a Programmer Thinks: Algorithm Development &amp; Coding</a:t>
            </a:r>
          </a:p>
        </p:txBody>
      </p:sp>
      <p:sp>
        <p:nvSpPr>
          <p:cNvPr id="3" name="Content Placeholder 2">
            <a:extLst>
              <a:ext uri="{FF2B5EF4-FFF2-40B4-BE49-F238E27FC236}">
                <a16:creationId xmlns:a16="http://schemas.microsoft.com/office/drawing/2014/main" id="{4E2DCB95-F01A-4D73-C268-5E9F7B160FA3}"/>
              </a:ext>
            </a:extLst>
          </p:cNvPr>
          <p:cNvSpPr>
            <a:spLocks noGrp="1"/>
          </p:cNvSpPr>
          <p:nvPr>
            <p:ph idx="1"/>
          </p:nvPr>
        </p:nvSpPr>
        <p:spPr/>
        <p:txBody>
          <a:bodyPr/>
          <a:lstStyle/>
          <a:p>
            <a:r>
              <a:rPr lang="en-US" sz="2000" dirty="0"/>
              <a:t>Match Transactions</a:t>
            </a:r>
          </a:p>
          <a:p>
            <a:pPr lvl="1"/>
            <a:r>
              <a:rPr lang="en-US" sz="1600" dirty="0"/>
              <a:t>We compare the transactions from two datasets to find matches or discrepancies.</a:t>
            </a:r>
          </a:p>
          <a:p>
            <a:pPr lvl="1"/>
            <a:r>
              <a:rPr lang="en-US" sz="1800" dirty="0"/>
              <a:t>Example: </a:t>
            </a:r>
          </a:p>
          <a:p>
            <a:r>
              <a:rPr lang="en-US" sz="2000" dirty="0"/>
              <a:t>Flag Discrepancies</a:t>
            </a:r>
          </a:p>
          <a:p>
            <a:pPr lvl="1"/>
            <a:r>
              <a:rPr lang="en-US" sz="1400" dirty="0"/>
              <a:t>We identify and highlight any mismatches in the data.</a:t>
            </a:r>
          </a:p>
          <a:p>
            <a:pPr lvl="1"/>
            <a:r>
              <a:rPr lang="en-US" sz="1800" dirty="0"/>
              <a:t>Example: </a:t>
            </a:r>
          </a:p>
          <a:p>
            <a:r>
              <a:rPr lang="en-US" sz="2000" dirty="0"/>
              <a:t>Output Results</a:t>
            </a:r>
          </a:p>
          <a:p>
            <a:pPr lvl="1"/>
            <a:r>
              <a:rPr lang="en-US" sz="1400" dirty="0"/>
              <a:t>Finally, we create a report or output the results to share with others.</a:t>
            </a:r>
          </a:p>
          <a:p>
            <a:pPr lvl="1"/>
            <a:r>
              <a:rPr lang="en-US" sz="1800" dirty="0"/>
              <a:t>Example: </a:t>
            </a:r>
          </a:p>
          <a:p>
            <a:pPr lvl="1"/>
            <a:endParaRPr lang="en-US" sz="1800" dirty="0"/>
          </a:p>
        </p:txBody>
      </p:sp>
      <p:sp>
        <p:nvSpPr>
          <p:cNvPr id="4" name="Slide Number Placeholder 3">
            <a:extLst>
              <a:ext uri="{FF2B5EF4-FFF2-40B4-BE49-F238E27FC236}">
                <a16:creationId xmlns:a16="http://schemas.microsoft.com/office/drawing/2014/main" id="{29CCFF0F-4740-A238-567E-2628AF9439B4}"/>
              </a:ext>
            </a:extLst>
          </p:cNvPr>
          <p:cNvSpPr>
            <a:spLocks noGrp="1"/>
          </p:cNvSpPr>
          <p:nvPr>
            <p:ph type="sldNum" sz="quarter" idx="4"/>
          </p:nvPr>
        </p:nvSpPr>
        <p:spPr/>
        <p:txBody>
          <a:bodyPr/>
          <a:lstStyle/>
          <a:p>
            <a:fld id="{6DAB3F6F-6A30-410C-8DAB-3E7769D71CBC}" type="slidenum">
              <a:rPr lang="en-US" smtClean="0"/>
              <a:pPr/>
              <a:t>22</a:t>
            </a:fld>
            <a:endParaRPr lang="en-US" dirty="0"/>
          </a:p>
        </p:txBody>
      </p:sp>
      <p:pic>
        <p:nvPicPr>
          <p:cNvPr id="6" name="Picture 5">
            <a:extLst>
              <a:ext uri="{FF2B5EF4-FFF2-40B4-BE49-F238E27FC236}">
                <a16:creationId xmlns:a16="http://schemas.microsoft.com/office/drawing/2014/main" id="{B0444C09-5627-E3EA-97CE-AD87F13B9524}"/>
              </a:ext>
            </a:extLst>
          </p:cNvPr>
          <p:cNvPicPr>
            <a:picLocks noChangeAspect="1"/>
          </p:cNvPicPr>
          <p:nvPr/>
        </p:nvPicPr>
        <p:blipFill>
          <a:blip r:embed="rId3"/>
          <a:stretch>
            <a:fillRect/>
          </a:stretch>
        </p:blipFill>
        <p:spPr>
          <a:xfrm>
            <a:off x="2195263" y="3467082"/>
            <a:ext cx="3572374" cy="247685"/>
          </a:xfrm>
          <a:prstGeom prst="rect">
            <a:avLst/>
          </a:prstGeom>
        </p:spPr>
      </p:pic>
      <p:pic>
        <p:nvPicPr>
          <p:cNvPr id="9" name="Picture 8">
            <a:extLst>
              <a:ext uri="{FF2B5EF4-FFF2-40B4-BE49-F238E27FC236}">
                <a16:creationId xmlns:a16="http://schemas.microsoft.com/office/drawing/2014/main" id="{FBF01D34-9C60-DF77-5DE9-2849B0F11FD9}"/>
              </a:ext>
            </a:extLst>
          </p:cNvPr>
          <p:cNvPicPr>
            <a:picLocks noChangeAspect="1"/>
          </p:cNvPicPr>
          <p:nvPr/>
        </p:nvPicPr>
        <p:blipFill>
          <a:blip r:embed="rId4"/>
          <a:stretch>
            <a:fillRect/>
          </a:stretch>
        </p:blipFill>
        <p:spPr>
          <a:xfrm>
            <a:off x="2195263" y="2512105"/>
            <a:ext cx="5849166" cy="257211"/>
          </a:xfrm>
          <a:prstGeom prst="rect">
            <a:avLst/>
          </a:prstGeom>
        </p:spPr>
      </p:pic>
      <p:pic>
        <p:nvPicPr>
          <p:cNvPr id="13" name="Picture 12">
            <a:extLst>
              <a:ext uri="{FF2B5EF4-FFF2-40B4-BE49-F238E27FC236}">
                <a16:creationId xmlns:a16="http://schemas.microsoft.com/office/drawing/2014/main" id="{0C932E59-3DDE-70D2-F027-D7B2C3618CD7}"/>
              </a:ext>
            </a:extLst>
          </p:cNvPr>
          <p:cNvPicPr>
            <a:picLocks noChangeAspect="1"/>
          </p:cNvPicPr>
          <p:nvPr/>
        </p:nvPicPr>
        <p:blipFill>
          <a:blip r:embed="rId5"/>
          <a:stretch>
            <a:fillRect/>
          </a:stretch>
        </p:blipFill>
        <p:spPr>
          <a:xfrm>
            <a:off x="2195263" y="1575768"/>
            <a:ext cx="4620270" cy="219106"/>
          </a:xfrm>
          <a:prstGeom prst="rect">
            <a:avLst/>
          </a:prstGeom>
        </p:spPr>
      </p:pic>
    </p:spTree>
    <p:extLst>
      <p:ext uri="{BB962C8B-B14F-4D97-AF65-F5344CB8AC3E}">
        <p14:creationId xmlns:p14="http://schemas.microsoft.com/office/powerpoint/2010/main" val="241015386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51A7B3-A656-9D0D-1256-B813D3521E9A}"/>
              </a:ext>
            </a:extLst>
          </p:cNvPr>
          <p:cNvSpPr>
            <a:spLocks noGrp="1"/>
          </p:cNvSpPr>
          <p:nvPr>
            <p:ph type="title"/>
          </p:nvPr>
        </p:nvSpPr>
        <p:spPr>
          <a:xfrm>
            <a:off x="457200" y="325813"/>
            <a:ext cx="8229600" cy="685800"/>
          </a:xfrm>
        </p:spPr>
        <p:txBody>
          <a:bodyPr wrap="square" anchor="ctr">
            <a:normAutofit/>
          </a:bodyPr>
          <a:lstStyle/>
          <a:p>
            <a:r>
              <a:rPr lang="en-US" dirty="0"/>
              <a:t>Why Does Python Code Look Like This?</a:t>
            </a:r>
          </a:p>
        </p:txBody>
      </p:sp>
      <p:sp>
        <p:nvSpPr>
          <p:cNvPr id="4" name="Slide Number Placeholder 3">
            <a:extLst>
              <a:ext uri="{FF2B5EF4-FFF2-40B4-BE49-F238E27FC236}">
                <a16:creationId xmlns:a16="http://schemas.microsoft.com/office/drawing/2014/main" id="{D0DFBA5F-82FC-4591-CE97-663DB569DD77}"/>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23</a:t>
            </a:fld>
            <a:endParaRPr lang="en-US"/>
          </a:p>
        </p:txBody>
      </p:sp>
      <p:graphicFrame>
        <p:nvGraphicFramePr>
          <p:cNvPr id="7" name="Content Placeholder 2">
            <a:extLst>
              <a:ext uri="{FF2B5EF4-FFF2-40B4-BE49-F238E27FC236}">
                <a16:creationId xmlns:a16="http://schemas.microsoft.com/office/drawing/2014/main" id="{9F78E76A-8869-CCEC-8D15-E99A5D66DC3E}"/>
              </a:ext>
            </a:extLst>
          </p:cNvPr>
          <p:cNvGraphicFramePr>
            <a:graphicFrameLocks noGrp="1"/>
          </p:cNvGraphicFramePr>
          <p:nvPr>
            <p:ph idx="1"/>
            <p:extLst>
              <p:ext uri="{D42A27DB-BD31-4B8C-83A1-F6EECF244321}">
                <p14:modId xmlns:p14="http://schemas.microsoft.com/office/powerpoint/2010/main" val="3835949237"/>
              </p:ext>
            </p:extLst>
          </p:nvPr>
        </p:nvGraphicFramePr>
        <p:xfrm>
          <a:off x="457200" y="1085850"/>
          <a:ext cx="8229600" cy="3426114"/>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33377621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60C3EDB-1E51-7510-7057-5F987BB3C224}"/>
              </a:ext>
            </a:extLst>
          </p:cNvPr>
          <p:cNvSpPr>
            <a:spLocks noGrp="1"/>
          </p:cNvSpPr>
          <p:nvPr>
            <p:ph type="sldNum" sz="quarter" idx="4"/>
          </p:nvPr>
        </p:nvSpPr>
        <p:spPr/>
        <p:txBody>
          <a:bodyPr/>
          <a:lstStyle/>
          <a:p>
            <a:fld id="{6DAB3F6F-6A30-410C-8DAB-3E7769D71CBC}" type="slidenum">
              <a:rPr lang="en-US"/>
              <a:pPr/>
              <a:t>24</a:t>
            </a:fld>
            <a:endParaRPr lang="en-US" dirty="0"/>
          </a:p>
        </p:txBody>
      </p:sp>
      <p:sp>
        <p:nvSpPr>
          <p:cNvPr id="5" name="Title 4">
            <a:extLst>
              <a:ext uri="{FF2B5EF4-FFF2-40B4-BE49-F238E27FC236}">
                <a16:creationId xmlns:a16="http://schemas.microsoft.com/office/drawing/2014/main" id="{F669C846-6F4E-35B9-E3EC-8DE27D8A0546}"/>
              </a:ext>
            </a:extLst>
          </p:cNvPr>
          <p:cNvSpPr>
            <a:spLocks noGrp="1"/>
          </p:cNvSpPr>
          <p:nvPr>
            <p:ph type="title"/>
          </p:nvPr>
        </p:nvSpPr>
        <p:spPr/>
        <p:txBody>
          <a:bodyPr/>
          <a:lstStyle/>
          <a:p>
            <a:r>
              <a:rPr lang="en-US" dirty="0"/>
              <a:t>Getting Started</a:t>
            </a:r>
          </a:p>
        </p:txBody>
      </p:sp>
    </p:spTree>
    <p:custDataLst>
      <p:custData r:id="rId1"/>
      <p:custData r:id="rId2"/>
    </p:custDataLst>
    <p:extLst>
      <p:ext uri="{BB962C8B-B14F-4D97-AF65-F5344CB8AC3E}">
        <p14:creationId xmlns:p14="http://schemas.microsoft.com/office/powerpoint/2010/main" val="237378800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Getting Started with Python</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25</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marL="0" indent="0" algn="l">
              <a:buNone/>
            </a:pPr>
            <a:r>
              <a:rPr lang="en-US" dirty="0">
                <a:solidFill>
                  <a:srgbClr val="374151"/>
                </a:solidFill>
                <a:latin typeface="Söhne"/>
              </a:rPr>
              <a:t>Installing Python (</a:t>
            </a:r>
            <a:r>
              <a:rPr lang="en-US" dirty="0" err="1">
                <a:solidFill>
                  <a:srgbClr val="374151"/>
                </a:solidFill>
                <a:latin typeface="Söhne"/>
              </a:rPr>
              <a:t>Jupyter</a:t>
            </a:r>
            <a:r>
              <a:rPr lang="en-US" dirty="0">
                <a:solidFill>
                  <a:srgbClr val="374151"/>
                </a:solidFill>
                <a:latin typeface="Söhne"/>
              </a:rPr>
              <a:t> Notebook)</a:t>
            </a:r>
          </a:p>
          <a:p>
            <a:pPr algn="l">
              <a:buFont typeface="+mj-lt"/>
              <a:buAutoNum type="arabicPeriod"/>
            </a:pPr>
            <a:r>
              <a:rPr lang="en-US" dirty="0">
                <a:solidFill>
                  <a:srgbClr val="374151"/>
                </a:solidFill>
                <a:latin typeface="Söhne"/>
              </a:rPr>
              <a:t>Download Anaconda:</a:t>
            </a:r>
          </a:p>
          <a:p>
            <a:pPr marL="742950" lvl="1" indent="-285750" algn="l">
              <a:buFont typeface="+mj-lt"/>
              <a:buAutoNum type="arabicPeriod"/>
            </a:pPr>
            <a:r>
              <a:rPr lang="en-US" b="0" i="0" u="sng" dirty="0">
                <a:solidFill>
                  <a:srgbClr val="D1D5DB"/>
                </a:solidFill>
                <a:effectLst/>
                <a:latin typeface="Söhne"/>
                <a:hlinkClick r:id="rId3"/>
              </a:rPr>
              <a:t>https://www.anaconda.com/download</a:t>
            </a:r>
            <a:endParaRPr lang="en-US" b="0" i="0" dirty="0">
              <a:solidFill>
                <a:srgbClr val="D1D5DB"/>
              </a:solidFill>
              <a:effectLst/>
              <a:latin typeface="Söhne"/>
            </a:endParaRPr>
          </a:p>
          <a:p>
            <a:pPr algn="l">
              <a:buFont typeface="+mj-lt"/>
              <a:buAutoNum type="arabicPeriod"/>
            </a:pPr>
            <a:r>
              <a:rPr lang="en-US" dirty="0">
                <a:solidFill>
                  <a:srgbClr val="374151"/>
                </a:solidFill>
                <a:latin typeface="Söhne"/>
              </a:rPr>
              <a:t>Installation:</a:t>
            </a:r>
          </a:p>
          <a:p>
            <a:pPr marL="742950" lvl="1" indent="-285750" algn="l">
              <a:buFont typeface="+mj-lt"/>
              <a:buAutoNum type="arabicPeriod"/>
            </a:pPr>
            <a:r>
              <a:rPr lang="en-US" sz="2400" dirty="0">
                <a:solidFill>
                  <a:srgbClr val="374151"/>
                </a:solidFill>
                <a:latin typeface="Söhne"/>
              </a:rPr>
              <a:t>Run the Anaconda installer</a:t>
            </a:r>
          </a:p>
          <a:p>
            <a:pPr algn="l">
              <a:buFont typeface="+mj-lt"/>
              <a:buAutoNum type="arabicPeriod"/>
            </a:pPr>
            <a:r>
              <a:rPr lang="en-US" dirty="0">
                <a:solidFill>
                  <a:srgbClr val="374151"/>
                </a:solidFill>
                <a:latin typeface="Söhne"/>
              </a:rPr>
              <a:t>Documentation &amp; Help:</a:t>
            </a:r>
          </a:p>
          <a:p>
            <a:pPr marL="742950" lvl="1" indent="-285750" algn="l">
              <a:buFont typeface="+mj-lt"/>
              <a:buAutoNum type="arabicPeriod"/>
            </a:pPr>
            <a:r>
              <a:rPr lang="en-US" b="0" i="0" u="sng" dirty="0">
                <a:solidFill>
                  <a:srgbClr val="D1D5DB"/>
                </a:solidFill>
                <a:effectLst/>
                <a:latin typeface="Söhne"/>
                <a:hlinkClick r:id="rId4"/>
              </a:rPr>
              <a:t>Anaconda Navigator</a:t>
            </a:r>
            <a:endParaRPr lang="en-US" b="0" i="0" dirty="0">
              <a:solidFill>
                <a:srgbClr val="D1D5DB"/>
              </a:solidFill>
              <a:effectLst/>
              <a:latin typeface="Söhne"/>
            </a:endParaRPr>
          </a:p>
          <a:p>
            <a:pPr marL="742950" lvl="1" indent="-285750" algn="l">
              <a:buFont typeface="+mj-lt"/>
              <a:buAutoNum type="arabicPeriod"/>
            </a:pPr>
            <a:r>
              <a:rPr lang="en-US" b="0" i="0" u="sng" dirty="0" err="1">
                <a:solidFill>
                  <a:srgbClr val="D1D5DB"/>
                </a:solidFill>
                <a:effectLst/>
                <a:latin typeface="Söhne"/>
                <a:hlinkClick r:id="rId5"/>
              </a:rPr>
              <a:t>Jupyter</a:t>
            </a:r>
            <a:r>
              <a:rPr lang="en-US" b="0" i="0" u="sng" dirty="0">
                <a:solidFill>
                  <a:srgbClr val="D1D5DB"/>
                </a:solidFill>
                <a:effectLst/>
                <a:latin typeface="Söhne"/>
                <a:hlinkClick r:id="rId5"/>
              </a:rPr>
              <a:t> Documentation</a:t>
            </a:r>
            <a:endParaRPr lang="en-US" b="0" i="0" dirty="0">
              <a:solidFill>
                <a:srgbClr val="D1D5DB"/>
              </a:solidFill>
              <a:effectLst/>
              <a:latin typeface="Söhne"/>
            </a:endParaRPr>
          </a:p>
          <a:p>
            <a:br>
              <a:rPr lang="en-US" dirty="0"/>
            </a:br>
            <a:endParaRPr lang="en-US" dirty="0"/>
          </a:p>
        </p:txBody>
      </p:sp>
    </p:spTree>
    <p:extLst>
      <p:ext uri="{BB962C8B-B14F-4D97-AF65-F5344CB8AC3E}">
        <p14:creationId xmlns:p14="http://schemas.microsoft.com/office/powerpoint/2010/main" val="205375877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60C3EDB-1E51-7510-7057-5F987BB3C224}"/>
              </a:ext>
            </a:extLst>
          </p:cNvPr>
          <p:cNvSpPr>
            <a:spLocks noGrp="1"/>
          </p:cNvSpPr>
          <p:nvPr>
            <p:ph type="sldNum" sz="quarter" idx="4"/>
          </p:nvPr>
        </p:nvSpPr>
        <p:spPr/>
        <p:txBody>
          <a:bodyPr/>
          <a:lstStyle/>
          <a:p>
            <a:fld id="{6DAB3F6F-6A30-410C-8DAB-3E7769D71CBC}" type="slidenum">
              <a:rPr lang="en-US"/>
              <a:pPr/>
              <a:t>3</a:t>
            </a:fld>
            <a:endParaRPr lang="en-US" dirty="0"/>
          </a:p>
        </p:txBody>
      </p:sp>
      <p:sp>
        <p:nvSpPr>
          <p:cNvPr id="5" name="Title 4">
            <a:extLst>
              <a:ext uri="{FF2B5EF4-FFF2-40B4-BE49-F238E27FC236}">
                <a16:creationId xmlns:a16="http://schemas.microsoft.com/office/drawing/2014/main" id="{F669C846-6F4E-35B9-E3EC-8DE27D8A0546}"/>
              </a:ext>
            </a:extLst>
          </p:cNvPr>
          <p:cNvSpPr>
            <a:spLocks noGrp="1"/>
          </p:cNvSpPr>
          <p:nvPr>
            <p:ph type="title"/>
          </p:nvPr>
        </p:nvSpPr>
        <p:spPr/>
        <p:txBody>
          <a:bodyPr/>
          <a:lstStyle/>
          <a:p>
            <a:r>
              <a:rPr lang="en-US" dirty="0"/>
              <a:t>Introduction</a:t>
            </a:r>
          </a:p>
        </p:txBody>
      </p:sp>
    </p:spTree>
    <p:custDataLst>
      <p:custData r:id="rId1"/>
      <p:custData r:id="rId2"/>
    </p:custDataLst>
    <p:extLst>
      <p:ext uri="{BB962C8B-B14F-4D97-AF65-F5344CB8AC3E}">
        <p14:creationId xmlns:p14="http://schemas.microsoft.com/office/powerpoint/2010/main" val="38843606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Oval 7">
            <a:extLst>
              <a:ext uri="{FF2B5EF4-FFF2-40B4-BE49-F238E27FC236}">
                <a16:creationId xmlns:a16="http://schemas.microsoft.com/office/drawing/2014/main" id="{32A46910-39C0-A9DA-1B7D-D803C3C71323}"/>
              </a:ext>
            </a:extLst>
          </p:cNvPr>
          <p:cNvSpPr/>
          <p:nvPr/>
        </p:nvSpPr>
        <p:spPr bwMode="auto">
          <a:xfrm>
            <a:off x="8119872" y="2020237"/>
            <a:ext cx="684250" cy="685801"/>
          </a:xfrm>
          <a:prstGeom prst="ellipse">
            <a:avLst/>
          </a:prstGeom>
          <a:solidFill>
            <a:schemeClr val="accent2">
              <a:lumMod val="75000"/>
            </a:schemeClr>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6" name="Oval 5">
            <a:extLst>
              <a:ext uri="{FF2B5EF4-FFF2-40B4-BE49-F238E27FC236}">
                <a16:creationId xmlns:a16="http://schemas.microsoft.com/office/drawing/2014/main" id="{331E3C0E-C302-7976-1865-59F1F91F360F}"/>
              </a:ext>
            </a:extLst>
          </p:cNvPr>
          <p:cNvSpPr/>
          <p:nvPr/>
        </p:nvSpPr>
        <p:spPr bwMode="auto">
          <a:xfrm>
            <a:off x="7561648" y="1331565"/>
            <a:ext cx="1010632" cy="977881"/>
          </a:xfrm>
          <a:prstGeom prst="ellipse">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Introduction</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4</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a:xfrm>
            <a:off x="457200" y="804672"/>
            <a:ext cx="8229600" cy="3364992"/>
          </a:xfrm>
        </p:spPr>
        <p:txBody>
          <a:bodyPr/>
          <a:lstStyle/>
          <a:p>
            <a:r>
              <a:rPr lang="en-US" sz="2000" dirty="0"/>
              <a:t>Background</a:t>
            </a:r>
          </a:p>
          <a:p>
            <a:pPr lvl="1"/>
            <a:r>
              <a:rPr lang="en-US" sz="1800" dirty="0"/>
              <a:t>B.S:</a:t>
            </a:r>
            <a:r>
              <a:rPr lang="en-US" sz="1600" dirty="0"/>
              <a:t> Physics, Rose-</a:t>
            </a:r>
            <a:r>
              <a:rPr lang="en-US" sz="1600" dirty="0" err="1"/>
              <a:t>Hulman</a:t>
            </a:r>
            <a:r>
              <a:rPr lang="en-US" sz="1600" dirty="0"/>
              <a:t> </a:t>
            </a:r>
            <a:r>
              <a:rPr lang="en-US" sz="1600" dirty="0">
                <a:effectLst/>
                <a:latin typeface="Calibri" panose="020F0502020204030204" pitchFamily="34" charset="0"/>
                <a:ea typeface="Calibri" panose="020F0502020204030204" pitchFamily="34" charset="0"/>
              </a:rPr>
              <a:t>Institute of Technology </a:t>
            </a:r>
            <a:r>
              <a:rPr lang="en-US" sz="1600" dirty="0"/>
              <a:t> </a:t>
            </a:r>
          </a:p>
          <a:p>
            <a:pPr lvl="1"/>
            <a:r>
              <a:rPr lang="en-US" sz="1800" dirty="0"/>
              <a:t>Ph.D.: </a:t>
            </a:r>
            <a:r>
              <a:rPr lang="en-US" sz="1600" dirty="0"/>
              <a:t>Biostatistics, Indiana University School of Medicine</a:t>
            </a:r>
          </a:p>
          <a:p>
            <a:pPr lvl="2"/>
            <a:r>
              <a:rPr lang="en-US" sz="1400" dirty="0"/>
              <a:t>Computation &amp; High-Dimensional Statistics </a:t>
            </a:r>
          </a:p>
          <a:p>
            <a:r>
              <a:rPr lang="en-US" sz="2000" dirty="0"/>
              <a:t>Family</a:t>
            </a:r>
          </a:p>
          <a:p>
            <a:r>
              <a:rPr lang="en-US" sz="2000" dirty="0"/>
              <a:t>Hobbies</a:t>
            </a:r>
          </a:p>
          <a:p>
            <a:pPr lvl="1"/>
            <a:r>
              <a:rPr lang="en-US" sz="1800" dirty="0"/>
              <a:t>Brazilian jiu-jitsu</a:t>
            </a:r>
          </a:p>
          <a:p>
            <a:pPr lvl="1"/>
            <a:r>
              <a:rPr lang="en-US" sz="1800" dirty="0"/>
              <a:t>Cycling    </a:t>
            </a:r>
          </a:p>
          <a:p>
            <a:r>
              <a:rPr lang="en-US" sz="2000" dirty="0"/>
              <a:t>Work</a:t>
            </a:r>
          </a:p>
          <a:p>
            <a:pPr lvl="1"/>
            <a:r>
              <a:rPr lang="en-US" sz="1800" dirty="0"/>
              <a:t>Manager, Data Science &amp; Artificial Intelligence</a:t>
            </a:r>
          </a:p>
          <a:p>
            <a:pPr lvl="1"/>
            <a:r>
              <a:rPr lang="en-US" sz="1800" dirty="0"/>
              <a:t>CliftonLarsonAllen LLP</a:t>
            </a:r>
            <a:endParaRPr lang="en-US" dirty="0"/>
          </a:p>
          <a:p>
            <a:endParaRPr lang="en-US" dirty="0"/>
          </a:p>
        </p:txBody>
      </p:sp>
      <p:sp>
        <p:nvSpPr>
          <p:cNvPr id="7" name="Oval 6">
            <a:extLst>
              <a:ext uri="{FF2B5EF4-FFF2-40B4-BE49-F238E27FC236}">
                <a16:creationId xmlns:a16="http://schemas.microsoft.com/office/drawing/2014/main" id="{487D46FE-0569-7021-86D3-112BA725689E}"/>
              </a:ext>
            </a:extLst>
          </p:cNvPr>
          <p:cNvSpPr/>
          <p:nvPr/>
        </p:nvSpPr>
        <p:spPr bwMode="auto">
          <a:xfrm>
            <a:off x="6010656" y="3988044"/>
            <a:ext cx="812741" cy="799104"/>
          </a:xfrm>
          <a:prstGeom prst="ellipse">
            <a:avLst/>
          </a:prstGeom>
          <a:solidFill>
            <a:schemeClr val="accent2">
              <a:lumMod val="50000"/>
            </a:schemeClr>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pic>
        <p:nvPicPr>
          <p:cNvPr id="3" name="Picture 2">
            <a:extLst>
              <a:ext uri="{FF2B5EF4-FFF2-40B4-BE49-F238E27FC236}">
                <a16:creationId xmlns:a16="http://schemas.microsoft.com/office/drawing/2014/main" id="{9DDF7E3F-C770-B209-60C8-ED317474EEE8}"/>
              </a:ext>
            </a:extLst>
          </p:cNvPr>
          <p:cNvPicPr>
            <a:picLocks noChangeAspect="1"/>
          </p:cNvPicPr>
          <p:nvPr/>
        </p:nvPicPr>
        <p:blipFill>
          <a:blip r:embed="rId3"/>
          <a:stretch>
            <a:fillRect/>
          </a:stretch>
        </p:blipFill>
        <p:spPr>
          <a:xfrm>
            <a:off x="6327648" y="1922820"/>
            <a:ext cx="1915448" cy="2553930"/>
          </a:xfrm>
          <a:prstGeom prst="rect">
            <a:avLst/>
          </a:prstGeom>
        </p:spPr>
      </p:pic>
    </p:spTree>
    <p:extLst>
      <p:ext uri="{BB962C8B-B14F-4D97-AF65-F5344CB8AC3E}">
        <p14:creationId xmlns:p14="http://schemas.microsoft.com/office/powerpoint/2010/main" val="26122620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60C3EDB-1E51-7510-7057-5F987BB3C224}"/>
              </a:ext>
            </a:extLst>
          </p:cNvPr>
          <p:cNvSpPr>
            <a:spLocks noGrp="1"/>
          </p:cNvSpPr>
          <p:nvPr>
            <p:ph type="sldNum" sz="quarter" idx="4"/>
          </p:nvPr>
        </p:nvSpPr>
        <p:spPr/>
        <p:txBody>
          <a:bodyPr/>
          <a:lstStyle/>
          <a:p>
            <a:fld id="{6DAB3F6F-6A30-410C-8DAB-3E7769D71CBC}" type="slidenum">
              <a:rPr lang="en-US"/>
              <a:pPr/>
              <a:t>5</a:t>
            </a:fld>
            <a:endParaRPr lang="en-US" dirty="0"/>
          </a:p>
        </p:txBody>
      </p:sp>
      <p:sp>
        <p:nvSpPr>
          <p:cNvPr id="5" name="Title 4">
            <a:extLst>
              <a:ext uri="{FF2B5EF4-FFF2-40B4-BE49-F238E27FC236}">
                <a16:creationId xmlns:a16="http://schemas.microsoft.com/office/drawing/2014/main" id="{F669C846-6F4E-35B9-E3EC-8DE27D8A0546}"/>
              </a:ext>
            </a:extLst>
          </p:cNvPr>
          <p:cNvSpPr>
            <a:spLocks noGrp="1"/>
          </p:cNvSpPr>
          <p:nvPr>
            <p:ph type="title"/>
          </p:nvPr>
        </p:nvSpPr>
        <p:spPr/>
        <p:txBody>
          <a:bodyPr/>
          <a:lstStyle/>
          <a:p>
            <a:r>
              <a:rPr lang="en-US" dirty="0"/>
              <a:t>Analytics in Accounting</a:t>
            </a:r>
          </a:p>
        </p:txBody>
      </p:sp>
    </p:spTree>
    <p:custDataLst>
      <p:custData r:id="rId1"/>
      <p:custData r:id="rId2"/>
    </p:custDataLst>
    <p:extLst>
      <p:ext uri="{BB962C8B-B14F-4D97-AF65-F5344CB8AC3E}">
        <p14:creationId xmlns:p14="http://schemas.microsoft.com/office/powerpoint/2010/main" val="312463043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0EAF8DE-ADFA-87B3-8980-467761193D09}"/>
              </a:ext>
            </a:extLst>
          </p:cNvPr>
          <p:cNvSpPr>
            <a:spLocks noGrp="1"/>
          </p:cNvSpPr>
          <p:nvPr>
            <p:ph type="title"/>
          </p:nvPr>
        </p:nvSpPr>
        <p:spPr/>
        <p:txBody>
          <a:bodyPr/>
          <a:lstStyle/>
          <a:p>
            <a:r>
              <a:rPr lang="en-US" dirty="0"/>
              <a:t>Impact of AI</a:t>
            </a:r>
          </a:p>
        </p:txBody>
      </p:sp>
      <p:sp>
        <p:nvSpPr>
          <p:cNvPr id="4" name="Slide Number Placeholder 3">
            <a:extLst>
              <a:ext uri="{FF2B5EF4-FFF2-40B4-BE49-F238E27FC236}">
                <a16:creationId xmlns:a16="http://schemas.microsoft.com/office/drawing/2014/main" id="{C148792C-A59A-4609-B97C-824ACC4DF9C6}"/>
              </a:ext>
            </a:extLst>
          </p:cNvPr>
          <p:cNvSpPr>
            <a:spLocks noGrp="1"/>
          </p:cNvSpPr>
          <p:nvPr>
            <p:ph type="sldNum" sz="quarter" idx="4"/>
          </p:nvPr>
        </p:nvSpPr>
        <p:spPr/>
        <p:txBody>
          <a:bodyPr/>
          <a:lstStyle/>
          <a:p>
            <a:fld id="{6DAB3F6F-6A30-410C-8DAB-3E7769D71CBC}" type="slidenum">
              <a:rPr lang="en-US" smtClean="0"/>
              <a:pPr/>
              <a:t>6</a:t>
            </a:fld>
            <a:endParaRPr lang="en-US" dirty="0"/>
          </a:p>
        </p:txBody>
      </p:sp>
      <p:grpSp>
        <p:nvGrpSpPr>
          <p:cNvPr id="35" name="Group 34">
            <a:extLst>
              <a:ext uri="{FF2B5EF4-FFF2-40B4-BE49-F238E27FC236}">
                <a16:creationId xmlns:a16="http://schemas.microsoft.com/office/drawing/2014/main" id="{A5A80AA3-DB21-F0B3-B1E3-E32744F78B04}"/>
              </a:ext>
            </a:extLst>
          </p:cNvPr>
          <p:cNvGrpSpPr/>
          <p:nvPr/>
        </p:nvGrpSpPr>
        <p:grpSpPr>
          <a:xfrm>
            <a:off x="2389069" y="830638"/>
            <a:ext cx="3887905" cy="3035630"/>
            <a:chOff x="4467367" y="327645"/>
            <a:chExt cx="3200312" cy="2553004"/>
          </a:xfrm>
        </p:grpSpPr>
        <p:sp>
          <p:nvSpPr>
            <p:cNvPr id="24" name="Rectangle 23">
              <a:extLst>
                <a:ext uri="{FF2B5EF4-FFF2-40B4-BE49-F238E27FC236}">
                  <a16:creationId xmlns:a16="http://schemas.microsoft.com/office/drawing/2014/main" id="{FBBC007F-4940-1E20-4A86-C6532EA4F2D0}"/>
                </a:ext>
              </a:extLst>
            </p:cNvPr>
            <p:cNvSpPr/>
            <p:nvPr/>
          </p:nvSpPr>
          <p:spPr bwMode="auto">
            <a:xfrm>
              <a:off x="4467367" y="1166558"/>
              <a:ext cx="1129032" cy="1043354"/>
            </a:xfrm>
            <a:prstGeom prst="rect">
              <a:avLst/>
            </a:prstGeom>
            <a:solidFill>
              <a:schemeClr val="accent2"/>
            </a:solidFill>
            <a:ln w="9525" cap="flat" cmpd="sng" algn="ctr">
              <a:noFill/>
              <a:prstDash val="solid"/>
              <a:round/>
              <a:headEnd type="none" w="med" len="med"/>
              <a:tailEnd type="none" w="med" len="med"/>
            </a:ln>
            <a:effectLst/>
          </p:spPr>
          <p:txBody>
            <a:bodyPr vert="horz" wrap="square" lIns="0" tIns="45720" rIns="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r>
                <a:rPr lang="en-US" sz="1600" b="1" dirty="0">
                  <a:solidFill>
                    <a:schemeClr val="accent1"/>
                  </a:solidFill>
                  <a:latin typeface="Arial" charset="0"/>
                  <a:ea typeface="ヒラギノ角ゴ Pro W3" pitchFamily="1" charset="-128"/>
                </a:rPr>
                <a:t>Analytics</a:t>
              </a:r>
            </a:p>
            <a:p>
              <a:pPr marL="0" marR="0" indent="0" algn="ctr" defTabSz="914400" rtl="0" eaLnBrk="0" fontAlgn="base" latinLnBrk="0" hangingPunct="0">
                <a:lnSpc>
                  <a:spcPct val="100000"/>
                </a:lnSpc>
                <a:spcBef>
                  <a:spcPct val="0"/>
                </a:spcBef>
                <a:spcAft>
                  <a:spcPct val="0"/>
                </a:spcAft>
                <a:buClrTx/>
                <a:buSzTx/>
                <a:buFontTx/>
                <a:buNone/>
                <a:tabLst/>
              </a:pPr>
              <a:r>
                <a:rPr lang="en-US" sz="1600" dirty="0">
                  <a:solidFill>
                    <a:schemeClr val="accent1"/>
                  </a:solidFill>
                  <a:latin typeface="Arial" charset="0"/>
                  <a:ea typeface="ヒラギノ角ゴ Pro W3" pitchFamily="1" charset="-128"/>
                </a:rPr>
                <a:t>(</a:t>
              </a:r>
              <a:r>
                <a:rPr lang="en-US" sz="1600" i="1" dirty="0">
                  <a:solidFill>
                    <a:schemeClr val="accent1"/>
                  </a:solidFill>
                  <a:latin typeface="Arial" charset="0"/>
                  <a:ea typeface="ヒラギノ角ゴ Pro W3" pitchFamily="1" charset="-128"/>
                </a:rPr>
                <a:t>Statistics, </a:t>
              </a:r>
              <a:r>
                <a:rPr kumimoji="0" lang="en-US" sz="1600" b="0" i="1" u="none" strike="noStrike" cap="none" normalizeH="0" baseline="0" dirty="0">
                  <a:ln>
                    <a:noFill/>
                  </a:ln>
                  <a:solidFill>
                    <a:schemeClr val="accent1"/>
                  </a:solidFill>
                  <a:effectLst/>
                  <a:latin typeface="Arial" charset="0"/>
                  <a:ea typeface="ヒラギノ角ゴ Pro W3" pitchFamily="1" charset="-128"/>
                </a:rPr>
                <a:t>AI</a:t>
              </a:r>
              <a:r>
                <a:rPr lang="en-US" sz="1600" i="1" dirty="0">
                  <a:solidFill>
                    <a:schemeClr val="accent1"/>
                  </a:solidFill>
                  <a:latin typeface="Arial" charset="0"/>
                  <a:ea typeface="ヒラギノ角ゴ Pro W3" pitchFamily="1" charset="-128"/>
                </a:rPr>
                <a:t>, </a:t>
              </a:r>
              <a:r>
                <a:rPr kumimoji="0" lang="en-US" sz="1600" b="0" i="1" u="none" strike="noStrike" cap="none" normalizeH="0" baseline="0" dirty="0">
                  <a:ln>
                    <a:noFill/>
                  </a:ln>
                  <a:solidFill>
                    <a:schemeClr val="accent1"/>
                  </a:solidFill>
                  <a:effectLst/>
                  <a:latin typeface="Arial" charset="0"/>
                  <a:ea typeface="ヒラギノ角ゴ Pro W3" pitchFamily="1" charset="-128"/>
                </a:rPr>
                <a:t>Machine Learning</a:t>
              </a:r>
              <a:r>
                <a:rPr kumimoji="0" lang="en-US" sz="1600" b="0" i="0" u="none" strike="noStrike" cap="none" normalizeH="0" baseline="0" dirty="0">
                  <a:ln>
                    <a:noFill/>
                  </a:ln>
                  <a:solidFill>
                    <a:schemeClr val="accent1"/>
                  </a:solidFill>
                  <a:effectLst/>
                  <a:latin typeface="Arial" charset="0"/>
                  <a:ea typeface="ヒラギノ角ゴ Pro W3" pitchFamily="1" charset="-128"/>
                </a:rPr>
                <a:t>)</a:t>
              </a:r>
            </a:p>
          </p:txBody>
        </p:sp>
        <p:sp>
          <p:nvSpPr>
            <p:cNvPr id="26" name="Rectangle 25">
              <a:extLst>
                <a:ext uri="{FF2B5EF4-FFF2-40B4-BE49-F238E27FC236}">
                  <a16:creationId xmlns:a16="http://schemas.microsoft.com/office/drawing/2014/main" id="{CB739FD3-3562-0F59-3715-848AD6B32F45}"/>
                </a:ext>
              </a:extLst>
            </p:cNvPr>
            <p:cNvSpPr/>
            <p:nvPr/>
          </p:nvSpPr>
          <p:spPr bwMode="auto">
            <a:xfrm>
              <a:off x="6538647" y="327645"/>
              <a:ext cx="1129032" cy="1043354"/>
            </a:xfrm>
            <a:prstGeom prst="rect">
              <a:avLst/>
            </a:prstGeom>
            <a:solidFill>
              <a:schemeClr val="accent2"/>
            </a:solidFill>
            <a:ln w="9525" cap="flat" cmpd="sng" algn="ctr">
              <a:noFill/>
              <a:prstDash val="solid"/>
              <a:round/>
              <a:headEnd type="none" w="med" len="med"/>
              <a:tailEnd type="none" w="med" len="med"/>
            </a:ln>
            <a:effectLst/>
          </p:spPr>
          <p:txBody>
            <a:bodyPr vert="horz" wrap="square" lIns="0" tIns="45720" rIns="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r>
                <a:rPr kumimoji="0" lang="en-US" sz="1600" b="0" i="0" u="none" strike="noStrike" cap="none" normalizeH="0" baseline="0" dirty="0">
                  <a:ln>
                    <a:noFill/>
                  </a:ln>
                  <a:solidFill>
                    <a:schemeClr val="accent1"/>
                  </a:solidFill>
                  <a:effectLst/>
                  <a:latin typeface="Arial" charset="0"/>
                  <a:ea typeface="ヒラギノ角ゴ Pro W3" pitchFamily="1" charset="-128"/>
                </a:rPr>
                <a:t>Automation</a:t>
              </a:r>
            </a:p>
          </p:txBody>
        </p:sp>
        <p:sp>
          <p:nvSpPr>
            <p:cNvPr id="27" name="Rectangle 26">
              <a:extLst>
                <a:ext uri="{FF2B5EF4-FFF2-40B4-BE49-F238E27FC236}">
                  <a16:creationId xmlns:a16="http://schemas.microsoft.com/office/drawing/2014/main" id="{79ED0575-1208-F0A9-1A31-A250B1115E91}"/>
                </a:ext>
              </a:extLst>
            </p:cNvPr>
            <p:cNvSpPr/>
            <p:nvPr/>
          </p:nvSpPr>
          <p:spPr bwMode="auto">
            <a:xfrm>
              <a:off x="6538647" y="1837295"/>
              <a:ext cx="1129032" cy="1043354"/>
            </a:xfrm>
            <a:prstGeom prst="rect">
              <a:avLst/>
            </a:prstGeom>
            <a:solidFill>
              <a:schemeClr val="accent2"/>
            </a:solidFill>
            <a:ln w="9525" cap="flat" cmpd="sng" algn="ctr">
              <a:noFill/>
              <a:prstDash val="solid"/>
              <a:round/>
              <a:headEnd type="none" w="med" len="med"/>
              <a:tailEnd type="none" w="med" len="med"/>
            </a:ln>
            <a:effectLst/>
          </p:spPr>
          <p:txBody>
            <a:bodyPr vert="horz" wrap="square" lIns="0" tIns="45720" rIns="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r>
                <a:rPr kumimoji="0" lang="en-US" sz="1600" b="0" i="0" u="none" strike="noStrike" cap="none" normalizeH="0" baseline="0" dirty="0">
                  <a:ln>
                    <a:noFill/>
                  </a:ln>
                  <a:solidFill>
                    <a:schemeClr val="accent1"/>
                  </a:solidFill>
                  <a:effectLst/>
                  <a:latin typeface="Arial" charset="0"/>
                  <a:ea typeface="ヒラギノ角ゴ Pro W3" pitchFamily="1" charset="-128"/>
                </a:rPr>
                <a:t>Insights</a:t>
              </a:r>
            </a:p>
          </p:txBody>
        </p:sp>
        <p:cxnSp>
          <p:nvCxnSpPr>
            <p:cNvPr id="29" name="Straight Arrow Connector 28">
              <a:extLst>
                <a:ext uri="{FF2B5EF4-FFF2-40B4-BE49-F238E27FC236}">
                  <a16:creationId xmlns:a16="http://schemas.microsoft.com/office/drawing/2014/main" id="{6BA7760F-7636-DF38-9347-F32A87340B2A}"/>
                </a:ext>
              </a:extLst>
            </p:cNvPr>
            <p:cNvCxnSpPr>
              <a:stCxn id="24" idx="3"/>
              <a:endCxn id="26" idx="1"/>
            </p:cNvCxnSpPr>
            <p:nvPr/>
          </p:nvCxnSpPr>
          <p:spPr bwMode="auto">
            <a:xfrm flipV="1">
              <a:off x="5596399" y="849322"/>
              <a:ext cx="942248" cy="838913"/>
            </a:xfrm>
            <a:prstGeom prst="straightConnector1">
              <a:avLst/>
            </a:prstGeom>
            <a:solidFill>
              <a:schemeClr val="accent1"/>
            </a:solidFill>
            <a:ln w="76200" cap="flat" cmpd="sng" algn="ctr">
              <a:solidFill>
                <a:schemeClr val="accent1"/>
              </a:solidFill>
              <a:prstDash val="solid"/>
              <a:round/>
              <a:headEnd type="none" w="med" len="med"/>
              <a:tailEnd type="triangle"/>
            </a:ln>
            <a:effectLst/>
          </p:spPr>
        </p:cxnSp>
        <p:cxnSp>
          <p:nvCxnSpPr>
            <p:cNvPr id="31" name="Straight Arrow Connector 30">
              <a:extLst>
                <a:ext uri="{FF2B5EF4-FFF2-40B4-BE49-F238E27FC236}">
                  <a16:creationId xmlns:a16="http://schemas.microsoft.com/office/drawing/2014/main" id="{32BEC421-9A1D-91AF-D82F-B5C174167DB7}"/>
                </a:ext>
              </a:extLst>
            </p:cNvPr>
            <p:cNvCxnSpPr>
              <a:stCxn id="24" idx="3"/>
              <a:endCxn id="27" idx="1"/>
            </p:cNvCxnSpPr>
            <p:nvPr/>
          </p:nvCxnSpPr>
          <p:spPr bwMode="auto">
            <a:xfrm>
              <a:off x="5596399" y="1688235"/>
              <a:ext cx="942248" cy="670737"/>
            </a:xfrm>
            <a:prstGeom prst="straightConnector1">
              <a:avLst/>
            </a:prstGeom>
            <a:solidFill>
              <a:schemeClr val="accent1"/>
            </a:solidFill>
            <a:ln w="76200" cap="flat" cmpd="sng" algn="ctr">
              <a:solidFill>
                <a:schemeClr val="accent1"/>
              </a:solidFill>
              <a:prstDash val="solid"/>
              <a:round/>
              <a:headEnd type="none" w="med" len="med"/>
              <a:tailEnd type="triangle"/>
            </a:ln>
            <a:effectLst/>
          </p:spPr>
        </p:cxnSp>
      </p:grpSp>
    </p:spTree>
    <p:extLst>
      <p:ext uri="{BB962C8B-B14F-4D97-AF65-F5344CB8AC3E}">
        <p14:creationId xmlns:p14="http://schemas.microsoft.com/office/powerpoint/2010/main" val="308778394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524BF9-EC8A-1819-A770-3A755EE123E7}"/>
              </a:ext>
            </a:extLst>
          </p:cNvPr>
          <p:cNvSpPr>
            <a:spLocks noGrp="1"/>
          </p:cNvSpPr>
          <p:nvPr>
            <p:ph type="title"/>
          </p:nvPr>
        </p:nvSpPr>
        <p:spPr/>
        <p:txBody>
          <a:bodyPr/>
          <a:lstStyle/>
          <a:p>
            <a:r>
              <a:rPr lang="en-US" dirty="0"/>
              <a:t>A Shifting Profession</a:t>
            </a:r>
          </a:p>
        </p:txBody>
      </p:sp>
      <p:sp>
        <p:nvSpPr>
          <p:cNvPr id="4" name="Slide Number Placeholder 3">
            <a:extLst>
              <a:ext uri="{FF2B5EF4-FFF2-40B4-BE49-F238E27FC236}">
                <a16:creationId xmlns:a16="http://schemas.microsoft.com/office/drawing/2014/main" id="{CB688887-A76F-A6FC-74E1-A13B85DF991C}"/>
              </a:ext>
            </a:extLst>
          </p:cNvPr>
          <p:cNvSpPr>
            <a:spLocks noGrp="1"/>
          </p:cNvSpPr>
          <p:nvPr>
            <p:ph type="sldNum" sz="quarter" idx="4"/>
          </p:nvPr>
        </p:nvSpPr>
        <p:spPr/>
        <p:txBody>
          <a:bodyPr/>
          <a:lstStyle/>
          <a:p>
            <a:fld id="{6DAB3F6F-6A30-410C-8DAB-3E7769D71CBC}" type="slidenum">
              <a:rPr lang="en-US" smtClean="0"/>
              <a:pPr/>
              <a:t>7</a:t>
            </a:fld>
            <a:endParaRPr lang="en-US" dirty="0"/>
          </a:p>
        </p:txBody>
      </p:sp>
      <p:grpSp>
        <p:nvGrpSpPr>
          <p:cNvPr id="5" name="Group 4">
            <a:extLst>
              <a:ext uri="{FF2B5EF4-FFF2-40B4-BE49-F238E27FC236}">
                <a16:creationId xmlns:a16="http://schemas.microsoft.com/office/drawing/2014/main" id="{570DB38B-CA48-DFB3-B8DC-22FF08C7F1F0}"/>
              </a:ext>
            </a:extLst>
          </p:cNvPr>
          <p:cNvGrpSpPr/>
          <p:nvPr/>
        </p:nvGrpSpPr>
        <p:grpSpPr>
          <a:xfrm>
            <a:off x="339970" y="1165744"/>
            <a:ext cx="7627732" cy="423056"/>
            <a:chOff x="457200" y="2571750"/>
            <a:chExt cx="7627732" cy="423056"/>
          </a:xfrm>
        </p:grpSpPr>
        <p:sp>
          <p:nvSpPr>
            <p:cNvPr id="6" name="Rectangle: Rounded Corners 5">
              <a:extLst>
                <a:ext uri="{FF2B5EF4-FFF2-40B4-BE49-F238E27FC236}">
                  <a16:creationId xmlns:a16="http://schemas.microsoft.com/office/drawing/2014/main" id="{0BA443B7-ED22-2FA6-F010-D566061EEC60}"/>
                </a:ext>
              </a:extLst>
            </p:cNvPr>
            <p:cNvSpPr/>
            <p:nvPr/>
          </p:nvSpPr>
          <p:spPr bwMode="auto">
            <a:xfrm>
              <a:off x="6920541" y="2571750"/>
              <a:ext cx="1164391" cy="369332"/>
            </a:xfrm>
            <a:prstGeom prst="roundRect">
              <a:avLst/>
            </a:prstGeom>
            <a:solidFill>
              <a:schemeClr val="accent4"/>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7" name="Rectangle: Rounded Corners 6">
              <a:extLst>
                <a:ext uri="{FF2B5EF4-FFF2-40B4-BE49-F238E27FC236}">
                  <a16:creationId xmlns:a16="http://schemas.microsoft.com/office/drawing/2014/main" id="{2879BADE-FD08-995E-1E8E-24A7E69A0679}"/>
                </a:ext>
              </a:extLst>
            </p:cNvPr>
            <p:cNvSpPr/>
            <p:nvPr/>
          </p:nvSpPr>
          <p:spPr bwMode="auto">
            <a:xfrm>
              <a:off x="4426365" y="2579959"/>
              <a:ext cx="1708470" cy="369332"/>
            </a:xfrm>
            <a:prstGeom prst="roundRect">
              <a:avLst/>
            </a:prstGeom>
            <a:solidFill>
              <a:schemeClr val="accent3"/>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8" name="Rectangle: Rounded Corners 7">
              <a:extLst>
                <a:ext uri="{FF2B5EF4-FFF2-40B4-BE49-F238E27FC236}">
                  <a16:creationId xmlns:a16="http://schemas.microsoft.com/office/drawing/2014/main" id="{33B41B87-02A1-DFC0-ED89-400B99D48869}"/>
                </a:ext>
              </a:extLst>
            </p:cNvPr>
            <p:cNvSpPr/>
            <p:nvPr/>
          </p:nvSpPr>
          <p:spPr bwMode="auto">
            <a:xfrm>
              <a:off x="665271" y="2583146"/>
              <a:ext cx="3952288" cy="369332"/>
            </a:xfrm>
            <a:prstGeom prst="roundRect">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9" name="Flowchart: Connector 8">
              <a:extLst>
                <a:ext uri="{FF2B5EF4-FFF2-40B4-BE49-F238E27FC236}">
                  <a16:creationId xmlns:a16="http://schemas.microsoft.com/office/drawing/2014/main" id="{088740B6-2CC4-1866-253B-1E3E8D1A9E3D}"/>
                </a:ext>
              </a:extLst>
            </p:cNvPr>
            <p:cNvSpPr/>
            <p:nvPr/>
          </p:nvSpPr>
          <p:spPr bwMode="auto">
            <a:xfrm>
              <a:off x="457200" y="2571750"/>
              <a:ext cx="426842" cy="423056"/>
            </a:xfrm>
            <a:prstGeom prst="flowChartConnector">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10" name="TextBox 9">
              <a:extLst>
                <a:ext uri="{FF2B5EF4-FFF2-40B4-BE49-F238E27FC236}">
                  <a16:creationId xmlns:a16="http://schemas.microsoft.com/office/drawing/2014/main" id="{035A979D-399C-FAFE-E108-339ECAB80B7D}"/>
                </a:ext>
              </a:extLst>
            </p:cNvPr>
            <p:cNvSpPr txBox="1"/>
            <p:nvPr/>
          </p:nvSpPr>
          <p:spPr>
            <a:xfrm>
              <a:off x="2039090" y="2598612"/>
              <a:ext cx="1350169" cy="369332"/>
            </a:xfrm>
            <a:prstGeom prst="rect">
              <a:avLst/>
            </a:prstGeom>
            <a:noFill/>
          </p:spPr>
          <p:txBody>
            <a:bodyPr wrap="square" rtlCol="0">
              <a:spAutoFit/>
            </a:bodyPr>
            <a:lstStyle/>
            <a:p>
              <a:r>
                <a:rPr lang="en-US" dirty="0"/>
                <a:t>Client Work</a:t>
              </a:r>
            </a:p>
          </p:txBody>
        </p:sp>
        <p:sp>
          <p:nvSpPr>
            <p:cNvPr id="11" name="TextBox 10">
              <a:extLst>
                <a:ext uri="{FF2B5EF4-FFF2-40B4-BE49-F238E27FC236}">
                  <a16:creationId xmlns:a16="http://schemas.microsoft.com/office/drawing/2014/main" id="{408E6EF4-079D-2416-C99F-1739554050EF}"/>
                </a:ext>
              </a:extLst>
            </p:cNvPr>
            <p:cNvSpPr txBox="1"/>
            <p:nvPr/>
          </p:nvSpPr>
          <p:spPr>
            <a:xfrm>
              <a:off x="4744881" y="2571750"/>
              <a:ext cx="986953" cy="369332"/>
            </a:xfrm>
            <a:prstGeom prst="rect">
              <a:avLst/>
            </a:prstGeom>
            <a:noFill/>
          </p:spPr>
          <p:txBody>
            <a:bodyPr wrap="square" rtlCol="0">
              <a:spAutoFit/>
            </a:bodyPr>
            <a:lstStyle/>
            <a:p>
              <a:r>
                <a:rPr lang="en-US"/>
                <a:t>Advising</a:t>
              </a:r>
            </a:p>
          </p:txBody>
        </p:sp>
        <p:sp>
          <p:nvSpPr>
            <p:cNvPr id="12" name="Rectangle: Rounded Corners 11">
              <a:extLst>
                <a:ext uri="{FF2B5EF4-FFF2-40B4-BE49-F238E27FC236}">
                  <a16:creationId xmlns:a16="http://schemas.microsoft.com/office/drawing/2014/main" id="{C098C212-63A6-FA75-6E80-3AFF20E1976B}"/>
                </a:ext>
              </a:extLst>
            </p:cNvPr>
            <p:cNvSpPr/>
            <p:nvPr/>
          </p:nvSpPr>
          <p:spPr bwMode="auto">
            <a:xfrm>
              <a:off x="5859156" y="2571750"/>
              <a:ext cx="1107706" cy="369332"/>
            </a:xfrm>
            <a:prstGeom prst="roundRect">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13" name="TextBox 12">
              <a:extLst>
                <a:ext uri="{FF2B5EF4-FFF2-40B4-BE49-F238E27FC236}">
                  <a16:creationId xmlns:a16="http://schemas.microsoft.com/office/drawing/2014/main" id="{C6706CD8-F965-2FBF-F7C8-FB63A4B67801}"/>
                </a:ext>
              </a:extLst>
            </p:cNvPr>
            <p:cNvSpPr txBox="1"/>
            <p:nvPr/>
          </p:nvSpPr>
          <p:spPr>
            <a:xfrm>
              <a:off x="5833475" y="2590434"/>
              <a:ext cx="1181838" cy="292388"/>
            </a:xfrm>
            <a:prstGeom prst="rect">
              <a:avLst/>
            </a:prstGeom>
            <a:noFill/>
          </p:spPr>
          <p:txBody>
            <a:bodyPr wrap="square" rtlCol="0">
              <a:spAutoFit/>
            </a:bodyPr>
            <a:lstStyle/>
            <a:p>
              <a:pPr algn="ctr"/>
              <a:r>
                <a:rPr lang="en-US" sz="1300">
                  <a:solidFill>
                    <a:schemeClr val="bg1"/>
                  </a:solidFill>
                </a:rPr>
                <a:t>Client Growth</a:t>
              </a:r>
            </a:p>
          </p:txBody>
        </p:sp>
        <p:sp>
          <p:nvSpPr>
            <p:cNvPr id="14" name="TextBox 13">
              <a:extLst>
                <a:ext uri="{FF2B5EF4-FFF2-40B4-BE49-F238E27FC236}">
                  <a16:creationId xmlns:a16="http://schemas.microsoft.com/office/drawing/2014/main" id="{8DC257D1-C987-CC01-02BC-D4C0B9BE082D}"/>
                </a:ext>
              </a:extLst>
            </p:cNvPr>
            <p:cNvSpPr txBox="1"/>
            <p:nvPr/>
          </p:nvSpPr>
          <p:spPr>
            <a:xfrm>
              <a:off x="7040994" y="2571750"/>
              <a:ext cx="901780" cy="369332"/>
            </a:xfrm>
            <a:prstGeom prst="rect">
              <a:avLst/>
            </a:prstGeom>
            <a:noFill/>
          </p:spPr>
          <p:txBody>
            <a:bodyPr wrap="square" rtlCol="0">
              <a:spAutoFit/>
            </a:bodyPr>
            <a:lstStyle/>
            <a:p>
              <a:pPr algn="ctr"/>
              <a:r>
                <a:rPr lang="en-US" dirty="0">
                  <a:solidFill>
                    <a:schemeClr val="bg1"/>
                  </a:solidFill>
                </a:rPr>
                <a:t>Billing</a:t>
              </a:r>
            </a:p>
          </p:txBody>
        </p:sp>
      </p:grpSp>
      <p:grpSp>
        <p:nvGrpSpPr>
          <p:cNvPr id="15" name="Group 14">
            <a:extLst>
              <a:ext uri="{FF2B5EF4-FFF2-40B4-BE49-F238E27FC236}">
                <a16:creationId xmlns:a16="http://schemas.microsoft.com/office/drawing/2014/main" id="{4F1E0CF4-4FF7-BAC0-1441-80B1A5B25C34}"/>
              </a:ext>
            </a:extLst>
          </p:cNvPr>
          <p:cNvGrpSpPr/>
          <p:nvPr/>
        </p:nvGrpSpPr>
        <p:grpSpPr>
          <a:xfrm>
            <a:off x="339970" y="2076580"/>
            <a:ext cx="7596997" cy="423056"/>
            <a:chOff x="494649" y="3419437"/>
            <a:chExt cx="7596997" cy="423056"/>
          </a:xfrm>
        </p:grpSpPr>
        <p:sp>
          <p:nvSpPr>
            <p:cNvPr id="16" name="Rectangle: Rounded Corners 15">
              <a:extLst>
                <a:ext uri="{FF2B5EF4-FFF2-40B4-BE49-F238E27FC236}">
                  <a16:creationId xmlns:a16="http://schemas.microsoft.com/office/drawing/2014/main" id="{81F8AFBE-5BC0-5B33-AEAF-59900D8B3BFD}"/>
                </a:ext>
              </a:extLst>
            </p:cNvPr>
            <p:cNvSpPr/>
            <p:nvPr/>
          </p:nvSpPr>
          <p:spPr bwMode="auto">
            <a:xfrm>
              <a:off x="5824336" y="3438121"/>
              <a:ext cx="2267310" cy="357444"/>
            </a:xfrm>
            <a:prstGeom prst="roundRect">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17" name="Rectangle: Rounded Corners 16">
              <a:extLst>
                <a:ext uri="{FF2B5EF4-FFF2-40B4-BE49-F238E27FC236}">
                  <a16:creationId xmlns:a16="http://schemas.microsoft.com/office/drawing/2014/main" id="{FA026E74-F94F-FE32-F2D6-56A9B8ECD2AC}"/>
                </a:ext>
              </a:extLst>
            </p:cNvPr>
            <p:cNvSpPr/>
            <p:nvPr/>
          </p:nvSpPr>
          <p:spPr bwMode="auto">
            <a:xfrm>
              <a:off x="2076538" y="3427646"/>
              <a:ext cx="4058297" cy="369332"/>
            </a:xfrm>
            <a:prstGeom prst="roundRect">
              <a:avLst/>
            </a:prstGeom>
            <a:solidFill>
              <a:schemeClr val="accent3"/>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18" name="Rectangle: Rounded Corners 17">
              <a:extLst>
                <a:ext uri="{FF2B5EF4-FFF2-40B4-BE49-F238E27FC236}">
                  <a16:creationId xmlns:a16="http://schemas.microsoft.com/office/drawing/2014/main" id="{CF56D2E9-EEA8-42C2-6A5D-A9426C8C7C17}"/>
                </a:ext>
              </a:extLst>
            </p:cNvPr>
            <p:cNvSpPr/>
            <p:nvPr/>
          </p:nvSpPr>
          <p:spPr bwMode="auto">
            <a:xfrm>
              <a:off x="702720" y="3430833"/>
              <a:ext cx="1459119" cy="369332"/>
            </a:xfrm>
            <a:prstGeom prst="roundRect">
              <a:avLst/>
            </a:prstGeom>
            <a:solidFill>
              <a:srgbClr val="C2EAEA"/>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19" name="Flowchart: Connector 18">
              <a:extLst>
                <a:ext uri="{FF2B5EF4-FFF2-40B4-BE49-F238E27FC236}">
                  <a16:creationId xmlns:a16="http://schemas.microsoft.com/office/drawing/2014/main" id="{5466BBD3-EA31-3271-6D3B-DC54F1C16685}"/>
                </a:ext>
              </a:extLst>
            </p:cNvPr>
            <p:cNvSpPr/>
            <p:nvPr/>
          </p:nvSpPr>
          <p:spPr bwMode="auto">
            <a:xfrm>
              <a:off x="494649" y="3419437"/>
              <a:ext cx="426842" cy="423056"/>
            </a:xfrm>
            <a:prstGeom prst="flowChartConnector">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20" name="TextBox 19">
              <a:extLst>
                <a:ext uri="{FF2B5EF4-FFF2-40B4-BE49-F238E27FC236}">
                  <a16:creationId xmlns:a16="http://schemas.microsoft.com/office/drawing/2014/main" id="{39C01E7E-F77D-D27A-36B8-0294F60F1925}"/>
                </a:ext>
              </a:extLst>
            </p:cNvPr>
            <p:cNvSpPr txBox="1"/>
            <p:nvPr/>
          </p:nvSpPr>
          <p:spPr>
            <a:xfrm>
              <a:off x="1032807" y="3434020"/>
              <a:ext cx="932415" cy="369332"/>
            </a:xfrm>
            <a:prstGeom prst="rect">
              <a:avLst/>
            </a:prstGeom>
            <a:noFill/>
          </p:spPr>
          <p:txBody>
            <a:bodyPr wrap="square" rtlCol="0">
              <a:spAutoFit/>
            </a:bodyPr>
            <a:lstStyle/>
            <a:p>
              <a:r>
                <a:rPr lang="en-US" dirty="0"/>
                <a:t>Review </a:t>
              </a:r>
            </a:p>
          </p:txBody>
        </p:sp>
        <p:sp>
          <p:nvSpPr>
            <p:cNvPr id="21" name="TextBox 20">
              <a:extLst>
                <a:ext uri="{FF2B5EF4-FFF2-40B4-BE49-F238E27FC236}">
                  <a16:creationId xmlns:a16="http://schemas.microsoft.com/office/drawing/2014/main" id="{D2A29847-EE5C-8C69-35E5-E26EF6F86E6D}"/>
                </a:ext>
              </a:extLst>
            </p:cNvPr>
            <p:cNvSpPr txBox="1"/>
            <p:nvPr/>
          </p:nvSpPr>
          <p:spPr>
            <a:xfrm>
              <a:off x="3353948" y="3425913"/>
              <a:ext cx="1840887" cy="369332"/>
            </a:xfrm>
            <a:prstGeom prst="rect">
              <a:avLst/>
            </a:prstGeom>
            <a:noFill/>
          </p:spPr>
          <p:txBody>
            <a:bodyPr wrap="square" rtlCol="0">
              <a:spAutoFit/>
            </a:bodyPr>
            <a:lstStyle/>
            <a:p>
              <a:r>
                <a:rPr lang="en-US" dirty="0"/>
                <a:t>Trusted Advisor</a:t>
              </a:r>
            </a:p>
          </p:txBody>
        </p:sp>
        <p:sp>
          <p:nvSpPr>
            <p:cNvPr id="22" name="TextBox 21">
              <a:extLst>
                <a:ext uri="{FF2B5EF4-FFF2-40B4-BE49-F238E27FC236}">
                  <a16:creationId xmlns:a16="http://schemas.microsoft.com/office/drawing/2014/main" id="{6FA096A6-94E1-DFFB-E710-286722A1FC2E}"/>
                </a:ext>
              </a:extLst>
            </p:cNvPr>
            <p:cNvSpPr txBox="1"/>
            <p:nvPr/>
          </p:nvSpPr>
          <p:spPr>
            <a:xfrm>
              <a:off x="6335762" y="3449063"/>
              <a:ext cx="1669663" cy="307777"/>
            </a:xfrm>
            <a:prstGeom prst="rect">
              <a:avLst/>
            </a:prstGeom>
            <a:noFill/>
          </p:spPr>
          <p:txBody>
            <a:bodyPr wrap="square" rtlCol="0">
              <a:spAutoFit/>
            </a:bodyPr>
            <a:lstStyle/>
            <a:p>
              <a:pPr algn="ctr"/>
              <a:r>
                <a:rPr lang="en-US" sz="1400">
                  <a:solidFill>
                    <a:schemeClr val="bg1"/>
                  </a:solidFill>
                </a:rPr>
                <a:t>New Client Growth</a:t>
              </a:r>
            </a:p>
          </p:txBody>
        </p:sp>
      </p:grpSp>
      <p:cxnSp>
        <p:nvCxnSpPr>
          <p:cNvPr id="23" name="Straight Arrow Connector 22">
            <a:extLst>
              <a:ext uri="{FF2B5EF4-FFF2-40B4-BE49-F238E27FC236}">
                <a16:creationId xmlns:a16="http://schemas.microsoft.com/office/drawing/2014/main" id="{07760CB0-5D86-0C67-90FE-3FE1F29C1D85}"/>
              </a:ext>
            </a:extLst>
          </p:cNvPr>
          <p:cNvCxnSpPr/>
          <p:nvPr/>
        </p:nvCxnSpPr>
        <p:spPr bwMode="auto">
          <a:xfrm>
            <a:off x="4454770" y="1588800"/>
            <a:ext cx="0" cy="445452"/>
          </a:xfrm>
          <a:prstGeom prst="straightConnector1">
            <a:avLst/>
          </a:prstGeom>
          <a:solidFill>
            <a:schemeClr val="accent1"/>
          </a:solidFill>
          <a:ln w="76200" cap="flat" cmpd="sng" algn="ctr">
            <a:solidFill>
              <a:schemeClr val="tx1"/>
            </a:solidFill>
            <a:prstDash val="solid"/>
            <a:round/>
            <a:headEnd type="none" w="med" len="med"/>
            <a:tailEnd type="triangle"/>
          </a:ln>
          <a:effectLst/>
        </p:spPr>
      </p:cxnSp>
      <p:sp>
        <p:nvSpPr>
          <p:cNvPr id="24" name="TextBox 23">
            <a:extLst>
              <a:ext uri="{FF2B5EF4-FFF2-40B4-BE49-F238E27FC236}">
                <a16:creationId xmlns:a16="http://schemas.microsoft.com/office/drawing/2014/main" id="{0026830A-0B09-18BF-9E6F-80A092B0F597}"/>
              </a:ext>
            </a:extLst>
          </p:cNvPr>
          <p:cNvSpPr txBox="1"/>
          <p:nvPr/>
        </p:nvSpPr>
        <p:spPr>
          <a:xfrm>
            <a:off x="2367523" y="772475"/>
            <a:ext cx="3948400" cy="369332"/>
          </a:xfrm>
          <a:prstGeom prst="rect">
            <a:avLst/>
          </a:prstGeom>
          <a:noFill/>
        </p:spPr>
        <p:txBody>
          <a:bodyPr wrap="square" rtlCol="0">
            <a:spAutoFit/>
          </a:bodyPr>
          <a:lstStyle/>
          <a:p>
            <a:r>
              <a:rPr lang="en-US" dirty="0"/>
              <a:t>Firm Accountant’s Shifting Workload</a:t>
            </a:r>
          </a:p>
        </p:txBody>
      </p:sp>
      <p:grpSp>
        <p:nvGrpSpPr>
          <p:cNvPr id="25" name="Group 24">
            <a:extLst>
              <a:ext uri="{FF2B5EF4-FFF2-40B4-BE49-F238E27FC236}">
                <a16:creationId xmlns:a16="http://schemas.microsoft.com/office/drawing/2014/main" id="{6A15803C-42C6-4E5F-32BC-ED1C31412C22}"/>
              </a:ext>
            </a:extLst>
          </p:cNvPr>
          <p:cNvGrpSpPr/>
          <p:nvPr/>
        </p:nvGrpSpPr>
        <p:grpSpPr>
          <a:xfrm>
            <a:off x="339970" y="3161779"/>
            <a:ext cx="7596997" cy="430344"/>
            <a:chOff x="457200" y="2564462"/>
            <a:chExt cx="7596997" cy="430344"/>
          </a:xfrm>
        </p:grpSpPr>
        <p:sp>
          <p:nvSpPr>
            <p:cNvPr id="27" name="Rectangle: Rounded Corners 26">
              <a:extLst>
                <a:ext uri="{FF2B5EF4-FFF2-40B4-BE49-F238E27FC236}">
                  <a16:creationId xmlns:a16="http://schemas.microsoft.com/office/drawing/2014/main" id="{5E00A30A-B201-18FE-A877-1F5B6E0D7CFE}"/>
                </a:ext>
              </a:extLst>
            </p:cNvPr>
            <p:cNvSpPr/>
            <p:nvPr/>
          </p:nvSpPr>
          <p:spPr bwMode="auto">
            <a:xfrm>
              <a:off x="4426365" y="2579959"/>
              <a:ext cx="2445994" cy="369332"/>
            </a:xfrm>
            <a:prstGeom prst="roundRect">
              <a:avLst/>
            </a:prstGeom>
            <a:solidFill>
              <a:schemeClr val="accent3"/>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28" name="Rectangle: Rounded Corners 27">
              <a:extLst>
                <a:ext uri="{FF2B5EF4-FFF2-40B4-BE49-F238E27FC236}">
                  <a16:creationId xmlns:a16="http://schemas.microsoft.com/office/drawing/2014/main" id="{917451F0-E183-BF68-39A9-15A2990E2417}"/>
                </a:ext>
              </a:extLst>
            </p:cNvPr>
            <p:cNvSpPr/>
            <p:nvPr/>
          </p:nvSpPr>
          <p:spPr bwMode="auto">
            <a:xfrm>
              <a:off x="665271" y="2583146"/>
              <a:ext cx="3952288" cy="369332"/>
            </a:xfrm>
            <a:prstGeom prst="roundRect">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29" name="Flowchart: Connector 28">
              <a:extLst>
                <a:ext uri="{FF2B5EF4-FFF2-40B4-BE49-F238E27FC236}">
                  <a16:creationId xmlns:a16="http://schemas.microsoft.com/office/drawing/2014/main" id="{E5A6DC98-6340-901A-7F12-BA74850CA270}"/>
                </a:ext>
              </a:extLst>
            </p:cNvPr>
            <p:cNvSpPr/>
            <p:nvPr/>
          </p:nvSpPr>
          <p:spPr bwMode="auto">
            <a:xfrm>
              <a:off x="457200" y="2571750"/>
              <a:ext cx="426842" cy="423056"/>
            </a:xfrm>
            <a:prstGeom prst="flowChartConnector">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30" name="TextBox 29">
              <a:extLst>
                <a:ext uri="{FF2B5EF4-FFF2-40B4-BE49-F238E27FC236}">
                  <a16:creationId xmlns:a16="http://schemas.microsoft.com/office/drawing/2014/main" id="{8A08CE96-8D21-9B50-E735-49662F8492A3}"/>
                </a:ext>
              </a:extLst>
            </p:cNvPr>
            <p:cNvSpPr txBox="1"/>
            <p:nvPr/>
          </p:nvSpPr>
          <p:spPr>
            <a:xfrm>
              <a:off x="1669748" y="2574196"/>
              <a:ext cx="1953573" cy="369332"/>
            </a:xfrm>
            <a:prstGeom prst="rect">
              <a:avLst/>
            </a:prstGeom>
            <a:noFill/>
          </p:spPr>
          <p:txBody>
            <a:bodyPr wrap="square" rtlCol="0">
              <a:spAutoFit/>
            </a:bodyPr>
            <a:lstStyle/>
            <a:p>
              <a:r>
                <a:rPr lang="en-US" dirty="0"/>
                <a:t>Operational Tasks</a:t>
              </a:r>
            </a:p>
          </p:txBody>
        </p:sp>
        <p:sp>
          <p:nvSpPr>
            <p:cNvPr id="31" name="TextBox 30">
              <a:extLst>
                <a:ext uri="{FF2B5EF4-FFF2-40B4-BE49-F238E27FC236}">
                  <a16:creationId xmlns:a16="http://schemas.microsoft.com/office/drawing/2014/main" id="{499C9F00-F37F-F08F-0554-3F36CA28FAF0}"/>
                </a:ext>
              </a:extLst>
            </p:cNvPr>
            <p:cNvSpPr txBox="1"/>
            <p:nvPr/>
          </p:nvSpPr>
          <p:spPr>
            <a:xfrm>
              <a:off x="4903835" y="2568739"/>
              <a:ext cx="1859279" cy="338554"/>
            </a:xfrm>
            <a:prstGeom prst="rect">
              <a:avLst/>
            </a:prstGeom>
            <a:noFill/>
          </p:spPr>
          <p:txBody>
            <a:bodyPr wrap="square" rtlCol="0">
              <a:spAutoFit/>
            </a:bodyPr>
            <a:lstStyle/>
            <a:p>
              <a:r>
                <a:rPr lang="en-US" sz="1600" dirty="0"/>
                <a:t>Compliance/Risk</a:t>
              </a:r>
            </a:p>
          </p:txBody>
        </p:sp>
        <p:sp>
          <p:nvSpPr>
            <p:cNvPr id="32" name="Rectangle: Rounded Corners 31">
              <a:extLst>
                <a:ext uri="{FF2B5EF4-FFF2-40B4-BE49-F238E27FC236}">
                  <a16:creationId xmlns:a16="http://schemas.microsoft.com/office/drawing/2014/main" id="{4A6C829D-57A4-54CB-B021-4DC46CB86D88}"/>
                </a:ext>
              </a:extLst>
            </p:cNvPr>
            <p:cNvSpPr/>
            <p:nvPr/>
          </p:nvSpPr>
          <p:spPr bwMode="auto">
            <a:xfrm>
              <a:off x="6898040" y="2564462"/>
              <a:ext cx="1107706" cy="369332"/>
            </a:xfrm>
            <a:prstGeom prst="roundRect">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33" name="TextBox 32">
              <a:extLst>
                <a:ext uri="{FF2B5EF4-FFF2-40B4-BE49-F238E27FC236}">
                  <a16:creationId xmlns:a16="http://schemas.microsoft.com/office/drawing/2014/main" id="{FE9F7F58-2528-301A-D5CA-939D63A53527}"/>
                </a:ext>
              </a:extLst>
            </p:cNvPr>
            <p:cNvSpPr txBox="1"/>
            <p:nvPr/>
          </p:nvSpPr>
          <p:spPr>
            <a:xfrm>
              <a:off x="6872359" y="2583146"/>
              <a:ext cx="1181838" cy="369332"/>
            </a:xfrm>
            <a:prstGeom prst="rect">
              <a:avLst/>
            </a:prstGeom>
            <a:noFill/>
          </p:spPr>
          <p:txBody>
            <a:bodyPr wrap="square" rtlCol="0">
              <a:spAutoFit/>
            </a:bodyPr>
            <a:lstStyle/>
            <a:p>
              <a:pPr algn="ctr"/>
              <a:r>
                <a:rPr lang="en-US" dirty="0">
                  <a:solidFill>
                    <a:schemeClr val="bg1"/>
                  </a:solidFill>
                </a:rPr>
                <a:t>FP&amp;A</a:t>
              </a:r>
            </a:p>
          </p:txBody>
        </p:sp>
      </p:grpSp>
      <p:grpSp>
        <p:nvGrpSpPr>
          <p:cNvPr id="35" name="Group 34">
            <a:extLst>
              <a:ext uri="{FF2B5EF4-FFF2-40B4-BE49-F238E27FC236}">
                <a16:creationId xmlns:a16="http://schemas.microsoft.com/office/drawing/2014/main" id="{71F23B23-C28E-2184-02B0-BF8E2BD478C9}"/>
              </a:ext>
            </a:extLst>
          </p:cNvPr>
          <p:cNvGrpSpPr/>
          <p:nvPr/>
        </p:nvGrpSpPr>
        <p:grpSpPr>
          <a:xfrm>
            <a:off x="339970" y="4079903"/>
            <a:ext cx="7596997" cy="423056"/>
            <a:chOff x="494649" y="3419437"/>
            <a:chExt cx="7596997" cy="423056"/>
          </a:xfrm>
        </p:grpSpPr>
        <p:sp>
          <p:nvSpPr>
            <p:cNvPr id="36" name="Rectangle: Rounded Corners 35">
              <a:extLst>
                <a:ext uri="{FF2B5EF4-FFF2-40B4-BE49-F238E27FC236}">
                  <a16:creationId xmlns:a16="http://schemas.microsoft.com/office/drawing/2014/main" id="{A27B1C4F-5106-EFE0-EB2D-7C9CE2BDAE5C}"/>
                </a:ext>
              </a:extLst>
            </p:cNvPr>
            <p:cNvSpPr/>
            <p:nvPr/>
          </p:nvSpPr>
          <p:spPr bwMode="auto">
            <a:xfrm>
              <a:off x="5824336" y="3438121"/>
              <a:ext cx="2267310" cy="357444"/>
            </a:xfrm>
            <a:prstGeom prst="roundRect">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37" name="Rectangle: Rounded Corners 36">
              <a:extLst>
                <a:ext uri="{FF2B5EF4-FFF2-40B4-BE49-F238E27FC236}">
                  <a16:creationId xmlns:a16="http://schemas.microsoft.com/office/drawing/2014/main" id="{4F865E85-30FE-A9D6-5344-5616DBD04157}"/>
                </a:ext>
              </a:extLst>
            </p:cNvPr>
            <p:cNvSpPr/>
            <p:nvPr/>
          </p:nvSpPr>
          <p:spPr bwMode="auto">
            <a:xfrm>
              <a:off x="2076538" y="3427646"/>
              <a:ext cx="4058297" cy="369332"/>
            </a:xfrm>
            <a:prstGeom prst="roundRect">
              <a:avLst/>
            </a:prstGeom>
            <a:solidFill>
              <a:schemeClr val="accent3"/>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38" name="Rectangle: Rounded Corners 37">
              <a:extLst>
                <a:ext uri="{FF2B5EF4-FFF2-40B4-BE49-F238E27FC236}">
                  <a16:creationId xmlns:a16="http://schemas.microsoft.com/office/drawing/2014/main" id="{D2EE2460-424E-CC6A-719A-4283D6F8A07A}"/>
                </a:ext>
              </a:extLst>
            </p:cNvPr>
            <p:cNvSpPr/>
            <p:nvPr/>
          </p:nvSpPr>
          <p:spPr bwMode="auto">
            <a:xfrm>
              <a:off x="702720" y="3430833"/>
              <a:ext cx="1459119" cy="369332"/>
            </a:xfrm>
            <a:prstGeom prst="roundRect">
              <a:avLst/>
            </a:prstGeom>
            <a:solidFill>
              <a:srgbClr val="C2EAEA"/>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39" name="Flowchart: Connector 38">
              <a:extLst>
                <a:ext uri="{FF2B5EF4-FFF2-40B4-BE49-F238E27FC236}">
                  <a16:creationId xmlns:a16="http://schemas.microsoft.com/office/drawing/2014/main" id="{A919A237-C275-B9E2-02E3-A52FEA7987B6}"/>
                </a:ext>
              </a:extLst>
            </p:cNvPr>
            <p:cNvSpPr/>
            <p:nvPr/>
          </p:nvSpPr>
          <p:spPr bwMode="auto">
            <a:xfrm>
              <a:off x="494649" y="3419437"/>
              <a:ext cx="426842" cy="423056"/>
            </a:xfrm>
            <a:prstGeom prst="flowChartConnector">
              <a:avLst/>
            </a:prstGeom>
            <a:solidFill>
              <a:schemeClr val="accent1"/>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err="1">
                <a:ln>
                  <a:noFill/>
                </a:ln>
                <a:solidFill>
                  <a:schemeClr val="accent1"/>
                </a:solidFill>
                <a:effectLst/>
                <a:latin typeface="Arial" charset="0"/>
                <a:ea typeface="ヒラギノ角ゴ Pro W3" pitchFamily="1" charset="-128"/>
              </a:endParaRPr>
            </a:p>
          </p:txBody>
        </p:sp>
        <p:sp>
          <p:nvSpPr>
            <p:cNvPr id="40" name="TextBox 39">
              <a:extLst>
                <a:ext uri="{FF2B5EF4-FFF2-40B4-BE49-F238E27FC236}">
                  <a16:creationId xmlns:a16="http://schemas.microsoft.com/office/drawing/2014/main" id="{01F38990-CA4B-C9A1-C84C-78E5E17D892E}"/>
                </a:ext>
              </a:extLst>
            </p:cNvPr>
            <p:cNvSpPr txBox="1"/>
            <p:nvPr/>
          </p:nvSpPr>
          <p:spPr>
            <a:xfrm>
              <a:off x="1032807" y="3434020"/>
              <a:ext cx="932415" cy="369332"/>
            </a:xfrm>
            <a:prstGeom prst="rect">
              <a:avLst/>
            </a:prstGeom>
            <a:noFill/>
          </p:spPr>
          <p:txBody>
            <a:bodyPr wrap="square" rtlCol="0">
              <a:spAutoFit/>
            </a:bodyPr>
            <a:lstStyle/>
            <a:p>
              <a:r>
                <a:rPr lang="en-US" dirty="0"/>
                <a:t>Review </a:t>
              </a:r>
            </a:p>
          </p:txBody>
        </p:sp>
        <p:sp>
          <p:nvSpPr>
            <p:cNvPr id="41" name="TextBox 40">
              <a:extLst>
                <a:ext uri="{FF2B5EF4-FFF2-40B4-BE49-F238E27FC236}">
                  <a16:creationId xmlns:a16="http://schemas.microsoft.com/office/drawing/2014/main" id="{06463F2A-0A1B-9D36-8CCD-E84234D4971C}"/>
                </a:ext>
              </a:extLst>
            </p:cNvPr>
            <p:cNvSpPr txBox="1"/>
            <p:nvPr/>
          </p:nvSpPr>
          <p:spPr>
            <a:xfrm>
              <a:off x="3501539" y="3426233"/>
              <a:ext cx="1905078" cy="369332"/>
            </a:xfrm>
            <a:prstGeom prst="rect">
              <a:avLst/>
            </a:prstGeom>
            <a:noFill/>
          </p:spPr>
          <p:txBody>
            <a:bodyPr wrap="square" rtlCol="0">
              <a:spAutoFit/>
            </a:bodyPr>
            <a:lstStyle/>
            <a:p>
              <a:r>
                <a:rPr lang="en-US" dirty="0"/>
                <a:t>Strategic FP&amp;A</a:t>
              </a:r>
            </a:p>
          </p:txBody>
        </p:sp>
        <p:sp>
          <p:nvSpPr>
            <p:cNvPr id="42" name="TextBox 41">
              <a:extLst>
                <a:ext uri="{FF2B5EF4-FFF2-40B4-BE49-F238E27FC236}">
                  <a16:creationId xmlns:a16="http://schemas.microsoft.com/office/drawing/2014/main" id="{9D7BF3BF-E0B6-C3DF-7FD1-BAA1BEBB61E2}"/>
                </a:ext>
              </a:extLst>
            </p:cNvPr>
            <p:cNvSpPr txBox="1"/>
            <p:nvPr/>
          </p:nvSpPr>
          <p:spPr>
            <a:xfrm>
              <a:off x="6335762" y="3487788"/>
              <a:ext cx="1669663" cy="246221"/>
            </a:xfrm>
            <a:prstGeom prst="rect">
              <a:avLst/>
            </a:prstGeom>
            <a:noFill/>
          </p:spPr>
          <p:txBody>
            <a:bodyPr wrap="square" rtlCol="0">
              <a:spAutoFit/>
            </a:bodyPr>
            <a:lstStyle/>
            <a:p>
              <a:pPr algn="ctr"/>
              <a:r>
                <a:rPr lang="en-US" sz="1000" dirty="0">
                  <a:solidFill>
                    <a:schemeClr val="bg1"/>
                  </a:solidFill>
                </a:rPr>
                <a:t>Growth/Innovation Support</a:t>
              </a:r>
            </a:p>
          </p:txBody>
        </p:sp>
      </p:grpSp>
      <p:cxnSp>
        <p:nvCxnSpPr>
          <p:cNvPr id="43" name="Straight Arrow Connector 42">
            <a:extLst>
              <a:ext uri="{FF2B5EF4-FFF2-40B4-BE49-F238E27FC236}">
                <a16:creationId xmlns:a16="http://schemas.microsoft.com/office/drawing/2014/main" id="{34CA3C71-F075-E208-5B56-780D6E0B3548}"/>
              </a:ext>
            </a:extLst>
          </p:cNvPr>
          <p:cNvCxnSpPr/>
          <p:nvPr/>
        </p:nvCxnSpPr>
        <p:spPr bwMode="auto">
          <a:xfrm>
            <a:off x="4454770" y="3592123"/>
            <a:ext cx="0" cy="445452"/>
          </a:xfrm>
          <a:prstGeom prst="straightConnector1">
            <a:avLst/>
          </a:prstGeom>
          <a:solidFill>
            <a:schemeClr val="accent1"/>
          </a:solidFill>
          <a:ln w="76200" cap="flat" cmpd="sng" algn="ctr">
            <a:solidFill>
              <a:schemeClr val="tx1"/>
            </a:solidFill>
            <a:prstDash val="solid"/>
            <a:round/>
            <a:headEnd type="none" w="med" len="med"/>
            <a:tailEnd type="triangle"/>
          </a:ln>
          <a:effectLst/>
        </p:spPr>
      </p:cxnSp>
      <p:sp>
        <p:nvSpPr>
          <p:cNvPr id="44" name="TextBox 43">
            <a:extLst>
              <a:ext uri="{FF2B5EF4-FFF2-40B4-BE49-F238E27FC236}">
                <a16:creationId xmlns:a16="http://schemas.microsoft.com/office/drawing/2014/main" id="{D044EC56-36F4-CA2A-5916-F3420DE84D6B}"/>
              </a:ext>
            </a:extLst>
          </p:cNvPr>
          <p:cNvSpPr txBox="1"/>
          <p:nvPr/>
        </p:nvSpPr>
        <p:spPr>
          <a:xfrm>
            <a:off x="2367523" y="2751860"/>
            <a:ext cx="3948400" cy="369332"/>
          </a:xfrm>
          <a:prstGeom prst="rect">
            <a:avLst/>
          </a:prstGeom>
          <a:noFill/>
        </p:spPr>
        <p:txBody>
          <a:bodyPr wrap="square" rtlCol="0">
            <a:spAutoFit/>
          </a:bodyPr>
          <a:lstStyle/>
          <a:p>
            <a:r>
              <a:rPr lang="en-US" dirty="0"/>
              <a:t>Industry Accountant’s Shifting Workload</a:t>
            </a:r>
          </a:p>
        </p:txBody>
      </p:sp>
      <p:sp>
        <p:nvSpPr>
          <p:cNvPr id="45" name="Rectangle 44">
            <a:extLst>
              <a:ext uri="{FF2B5EF4-FFF2-40B4-BE49-F238E27FC236}">
                <a16:creationId xmlns:a16="http://schemas.microsoft.com/office/drawing/2014/main" id="{5D7A786C-1FDD-CE0D-F55C-FE00243DCD15}"/>
              </a:ext>
            </a:extLst>
          </p:cNvPr>
          <p:cNvSpPr/>
          <p:nvPr/>
        </p:nvSpPr>
        <p:spPr bwMode="auto">
          <a:xfrm>
            <a:off x="152400" y="2751860"/>
            <a:ext cx="8419880" cy="1905865"/>
          </a:xfrm>
          <a:prstGeom prst="rect">
            <a:avLst/>
          </a:prstGeom>
          <a:noFill/>
          <a:ln w="38100" cap="flat" cmpd="sng" algn="ctr">
            <a:solidFill>
              <a:schemeClr val="tx1"/>
            </a:solid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46" name="Rectangle 45">
            <a:extLst>
              <a:ext uri="{FF2B5EF4-FFF2-40B4-BE49-F238E27FC236}">
                <a16:creationId xmlns:a16="http://schemas.microsoft.com/office/drawing/2014/main" id="{93CE3567-3EF8-D89F-1094-0247244D643D}"/>
              </a:ext>
            </a:extLst>
          </p:cNvPr>
          <p:cNvSpPr/>
          <p:nvPr/>
        </p:nvSpPr>
        <p:spPr bwMode="auto">
          <a:xfrm>
            <a:off x="152400" y="744044"/>
            <a:ext cx="8419880" cy="1905865"/>
          </a:xfrm>
          <a:prstGeom prst="rect">
            <a:avLst/>
          </a:prstGeom>
          <a:noFill/>
          <a:ln w="38100" cap="flat" cmpd="sng" algn="ctr">
            <a:solidFill>
              <a:schemeClr val="tx1"/>
            </a:solid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Tree>
    <p:extLst>
      <p:ext uri="{BB962C8B-B14F-4D97-AF65-F5344CB8AC3E}">
        <p14:creationId xmlns:p14="http://schemas.microsoft.com/office/powerpoint/2010/main" val="207002748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AI in Accounting</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8</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latin typeface="Söhne"/>
              </a:rPr>
              <a:t>Advanced financial modeling using deep learning</a:t>
            </a:r>
          </a:p>
          <a:p>
            <a:r>
              <a:rPr lang="en-US" dirty="0"/>
              <a:t>Automated data entry using image recognition and large language models</a:t>
            </a:r>
          </a:p>
          <a:p>
            <a:pPr lvl="1"/>
            <a:r>
              <a:rPr lang="en-US" b="0" i="0" dirty="0">
                <a:solidFill>
                  <a:srgbClr val="374151"/>
                </a:solidFill>
                <a:effectLst/>
                <a:latin typeface="Söhne"/>
              </a:rPr>
              <a:t>Improved accuracy and reduction of human errors</a:t>
            </a:r>
          </a:p>
          <a:p>
            <a:pPr lvl="1"/>
            <a:r>
              <a:rPr lang="en-US" dirty="0">
                <a:solidFill>
                  <a:srgbClr val="374151"/>
                </a:solidFill>
                <a:latin typeface="Söhne"/>
              </a:rPr>
              <a:t>Doer to thinker </a:t>
            </a:r>
          </a:p>
          <a:p>
            <a:pPr lvl="1"/>
            <a:r>
              <a:rPr lang="en-US" b="0" i="0" dirty="0">
                <a:solidFill>
                  <a:srgbClr val="374151"/>
                </a:solidFill>
                <a:effectLst/>
                <a:latin typeface="Söhne"/>
              </a:rPr>
              <a:t>Ability to handle and analyze vast amounts of data</a:t>
            </a:r>
          </a:p>
          <a:p>
            <a:r>
              <a:rPr lang="en-US" dirty="0"/>
              <a:t>AI Agents</a:t>
            </a:r>
          </a:p>
          <a:p>
            <a:pPr marL="0" indent="0" algn="l">
              <a:buNone/>
            </a:pPr>
            <a:endParaRPr lang="en-US" b="0" i="0" dirty="0">
              <a:solidFill>
                <a:srgbClr val="374151"/>
              </a:solidFill>
              <a:effectLst/>
              <a:latin typeface="Söhne"/>
            </a:endParaRPr>
          </a:p>
          <a:p>
            <a:pPr lvl="1"/>
            <a:endParaRPr lang="en-US" dirty="0"/>
          </a:p>
          <a:p>
            <a:endParaRPr lang="en-US" dirty="0"/>
          </a:p>
        </p:txBody>
      </p:sp>
    </p:spTree>
    <p:extLst>
      <p:ext uri="{BB962C8B-B14F-4D97-AF65-F5344CB8AC3E}">
        <p14:creationId xmlns:p14="http://schemas.microsoft.com/office/powerpoint/2010/main" val="287588053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9AF58DE-F128-FEE3-7105-22E0A87A65F4}"/>
              </a:ext>
            </a:extLst>
          </p:cNvPr>
          <p:cNvSpPr>
            <a:spLocks noGrp="1"/>
          </p:cNvSpPr>
          <p:nvPr>
            <p:ph type="title"/>
          </p:nvPr>
        </p:nvSpPr>
        <p:spPr/>
        <p:txBody>
          <a:bodyPr/>
          <a:lstStyle/>
          <a:p>
            <a:r>
              <a:rPr lang="en-US" dirty="0"/>
              <a:t>AI in Accounting</a:t>
            </a:r>
          </a:p>
        </p:txBody>
      </p:sp>
      <p:sp>
        <p:nvSpPr>
          <p:cNvPr id="3" name="Content Placeholder 2">
            <a:extLst>
              <a:ext uri="{FF2B5EF4-FFF2-40B4-BE49-F238E27FC236}">
                <a16:creationId xmlns:a16="http://schemas.microsoft.com/office/drawing/2014/main" id="{AC35EEE3-1885-1E89-1621-94C522403807}"/>
              </a:ext>
            </a:extLst>
          </p:cNvPr>
          <p:cNvSpPr>
            <a:spLocks noGrp="1"/>
          </p:cNvSpPr>
          <p:nvPr>
            <p:ph idx="1"/>
          </p:nvPr>
        </p:nvSpPr>
        <p:spPr>
          <a:xfrm>
            <a:off x="457200" y="804672"/>
            <a:ext cx="4572000" cy="3672078"/>
          </a:xfrm>
        </p:spPr>
        <p:txBody>
          <a:bodyPr/>
          <a:lstStyle/>
          <a:p>
            <a:r>
              <a:rPr lang="en-US" dirty="0"/>
              <a:t>Modern AI models can </a:t>
            </a:r>
            <a:r>
              <a:rPr lang="en-US" i="1" dirty="0"/>
              <a:t>reason:</a:t>
            </a:r>
          </a:p>
          <a:p>
            <a:pPr lvl="1"/>
            <a:r>
              <a:rPr lang="en-US" dirty="0"/>
              <a:t>Plan, execute, and review</a:t>
            </a:r>
          </a:p>
          <a:p>
            <a:r>
              <a:rPr lang="en-US" dirty="0"/>
              <a:t>Imagine an agent…</a:t>
            </a:r>
          </a:p>
          <a:p>
            <a:pPr lvl="1"/>
            <a:r>
              <a:rPr lang="en-US" dirty="0"/>
              <a:t>Preparing financial statements</a:t>
            </a:r>
          </a:p>
          <a:p>
            <a:pPr lvl="1"/>
            <a:r>
              <a:rPr lang="en-US" dirty="0"/>
              <a:t>Real-time auditing</a:t>
            </a:r>
          </a:p>
          <a:p>
            <a:pPr lvl="1"/>
            <a:r>
              <a:rPr lang="en-US" dirty="0"/>
              <a:t>Executing compliance research/tasks</a:t>
            </a:r>
          </a:p>
          <a:p>
            <a:pPr lvl="1"/>
            <a:r>
              <a:rPr lang="en-US" dirty="0"/>
              <a:t>Automated forecasting/reporting</a:t>
            </a:r>
          </a:p>
          <a:p>
            <a:pPr lvl="1"/>
            <a:r>
              <a:rPr lang="en-US" dirty="0"/>
              <a:t>Optimizing cost management</a:t>
            </a:r>
          </a:p>
          <a:p>
            <a:pPr lvl="1"/>
            <a:r>
              <a:rPr lang="en-US" dirty="0"/>
              <a:t>Automating payroll</a:t>
            </a:r>
          </a:p>
        </p:txBody>
      </p:sp>
      <p:sp>
        <p:nvSpPr>
          <p:cNvPr id="4" name="Slide Number Placeholder 3">
            <a:extLst>
              <a:ext uri="{FF2B5EF4-FFF2-40B4-BE49-F238E27FC236}">
                <a16:creationId xmlns:a16="http://schemas.microsoft.com/office/drawing/2014/main" id="{9C281804-9E66-350B-828E-FBC50D35FD85}"/>
              </a:ext>
            </a:extLst>
          </p:cNvPr>
          <p:cNvSpPr>
            <a:spLocks noGrp="1"/>
          </p:cNvSpPr>
          <p:nvPr>
            <p:ph type="sldNum" sz="quarter" idx="4"/>
          </p:nvPr>
        </p:nvSpPr>
        <p:spPr/>
        <p:txBody>
          <a:bodyPr/>
          <a:lstStyle/>
          <a:p>
            <a:fld id="{6DAB3F6F-6A30-410C-8DAB-3E7769D71CBC}" type="slidenum">
              <a:rPr lang="en-US" smtClean="0"/>
              <a:pPr/>
              <a:t>9</a:t>
            </a:fld>
            <a:endParaRPr lang="en-US" dirty="0"/>
          </a:p>
        </p:txBody>
      </p:sp>
      <p:graphicFrame>
        <p:nvGraphicFramePr>
          <p:cNvPr id="5" name="Diagram 4">
            <a:extLst>
              <a:ext uri="{FF2B5EF4-FFF2-40B4-BE49-F238E27FC236}">
                <a16:creationId xmlns:a16="http://schemas.microsoft.com/office/drawing/2014/main" id="{150F72BB-906C-56DA-106E-9FF5394ECB3E}"/>
              </a:ext>
            </a:extLst>
          </p:cNvPr>
          <p:cNvGraphicFramePr/>
          <p:nvPr>
            <p:extLst>
              <p:ext uri="{D42A27DB-BD31-4B8C-83A1-F6EECF244321}">
                <p14:modId xmlns:p14="http://schemas.microsoft.com/office/powerpoint/2010/main" val="2316623166"/>
              </p:ext>
            </p:extLst>
          </p:nvPr>
        </p:nvGraphicFramePr>
        <p:xfrm>
          <a:off x="4615137" y="666750"/>
          <a:ext cx="4352925" cy="3527425"/>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890096830"/>
      </p:ext>
    </p:extLst>
  </p:cSld>
  <p:clrMapOvr>
    <a:masterClrMapping/>
  </p:clrMapOvr>
</p:sld>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1">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D288BFB3-C071-498E-A0A9-8CD1081D930C}">
  <we:reference id="d2164860-9689-45e3-a1e5-90c76032056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TemplateConfiguration><![CDATA[{"slideVersion":1,"isValidatorEnabled":false,"isLocked":false,"elementsMetadata":[],"slideId":"638206520168254716","enableDocumentContentUpdater":false,"version":"2.0"}]]></TemplafySlideTemplateConfiguration>
</file>

<file path=customXml/item11.xml><?xml version="1.0" encoding="utf-8"?>
<TemplafySlideTemplateConfiguration><![CDATA[{"slideVersion":1,"isValidatorEnabled":false,"isLocked":false,"elementsMetadata":[],"slideId":"638206520168254716","enableDocumentContentUpdater":false,"version":"2.0"}]]></TemplafySlideTemplateConfiguration>
</file>

<file path=customXml/item12.xml><?xml version="1.0" encoding="utf-8"?>
<TemplafySlideFormConfiguration><![CDATA[{"formFields":[],"formDataEntries":[]}]]></TemplafySlideFormConfiguration>
</file>

<file path=customXml/item2.xml><?xml version="1.0" encoding="utf-8"?>
<TemplafyTemplateConfiguration><![CDATA[{"elementsMetadata":[],"transformationConfigurations":[],"templateName":"CLA-Widescreen Template 2023 New 2","templateDescription":"","enableDocumentContentUpdater":false,"version":"2.0"}]]></TemplafyTemplateConfiguration>
</file>

<file path=customXml/item3.xml><?xml version="1.0" encoding="utf-8"?>
<TemplafySlideTemplateConfiguration><![CDATA[{"slideVersion":1,"isValidatorEnabled":false,"isLocked":false,"elementsMetadata":[],"slideId":"638206236241210232","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206236241226265","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206520168254716","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AF5C0102-26EF-4C17-BD54-9A6960EC7F06}">
  <ds:schemaRefs/>
</ds:datastoreItem>
</file>

<file path=customXml/itemProps10.xml><?xml version="1.0" encoding="utf-8"?>
<ds:datastoreItem xmlns:ds="http://schemas.openxmlformats.org/officeDocument/2006/customXml" ds:itemID="{E4C8426F-0098-4B8E-B18F-2C37A8776F7E}">
  <ds:schemaRefs/>
</ds:datastoreItem>
</file>

<file path=customXml/itemProps11.xml><?xml version="1.0" encoding="utf-8"?>
<ds:datastoreItem xmlns:ds="http://schemas.openxmlformats.org/officeDocument/2006/customXml" ds:itemID="{F3BF92FF-AD80-45D7-954A-9D36E83B8267}">
  <ds:schemaRefs/>
</ds:datastoreItem>
</file>

<file path=customXml/itemProps12.xml><?xml version="1.0" encoding="utf-8"?>
<ds:datastoreItem xmlns:ds="http://schemas.openxmlformats.org/officeDocument/2006/customXml" ds:itemID="{831DAEB6-0DBE-40BA-A899-37029D186D04}">
  <ds:schemaRefs/>
</ds:datastoreItem>
</file>

<file path=customXml/itemProps2.xml><?xml version="1.0" encoding="utf-8"?>
<ds:datastoreItem xmlns:ds="http://schemas.openxmlformats.org/officeDocument/2006/customXml" ds:itemID="{CF1A036F-D339-46C0-BC05-C1BB8B2BF256}">
  <ds:schemaRefs/>
</ds:datastoreItem>
</file>

<file path=customXml/itemProps3.xml><?xml version="1.0" encoding="utf-8"?>
<ds:datastoreItem xmlns:ds="http://schemas.openxmlformats.org/officeDocument/2006/customXml" ds:itemID="{BA83E214-32B2-4B65-869E-2CBA6D19CD4F}">
  <ds:schemaRefs/>
</ds:datastoreItem>
</file>

<file path=customXml/itemProps4.xml><?xml version="1.0" encoding="utf-8"?>
<ds:datastoreItem xmlns:ds="http://schemas.openxmlformats.org/officeDocument/2006/customXml" ds:itemID="{91ED7997-1270-481F-9210-B0A848DF8576}">
  <ds:schemaRefs/>
</ds:datastoreItem>
</file>

<file path=customXml/itemProps5.xml><?xml version="1.0" encoding="utf-8"?>
<ds:datastoreItem xmlns:ds="http://schemas.openxmlformats.org/officeDocument/2006/customXml" ds:itemID="{889CAE8C-BB47-4C45-8264-A4D4889128F0}">
  <ds:schemaRefs/>
</ds:datastoreItem>
</file>

<file path=customXml/itemProps6.xml><?xml version="1.0" encoding="utf-8"?>
<ds:datastoreItem xmlns:ds="http://schemas.openxmlformats.org/officeDocument/2006/customXml" ds:itemID="{5FF3C004-0DF9-46FA-8815-516906BAC9AD}">
  <ds:schemaRefs/>
</ds:datastoreItem>
</file>

<file path=customXml/itemProps7.xml><?xml version="1.0" encoding="utf-8"?>
<ds:datastoreItem xmlns:ds="http://schemas.openxmlformats.org/officeDocument/2006/customXml" ds:itemID="{E33ACC8C-CAE1-42A9-8EF7-29C6263AE0FB}">
  <ds:schemaRefs/>
</ds:datastoreItem>
</file>

<file path=customXml/itemProps8.xml><?xml version="1.0" encoding="utf-8"?>
<ds:datastoreItem xmlns:ds="http://schemas.openxmlformats.org/officeDocument/2006/customXml" ds:itemID="{92DC0C16-DA17-475F-B0F1-7DDD3AC88FA3}">
  <ds:schemaRefs/>
</ds:datastoreItem>
</file>

<file path=customXml/itemProps9.xml><?xml version="1.0" encoding="utf-8"?>
<ds:datastoreItem xmlns:ds="http://schemas.openxmlformats.org/officeDocument/2006/customXml" ds:itemID="{9CDD4B1C-12F8-4FE2-B8E3-480879E632E1}">
  <ds:schemaRefs/>
</ds:datastoreItem>
</file>

<file path=docProps/app.xml><?xml version="1.0" encoding="utf-8"?>
<Properties xmlns="http://schemas.openxmlformats.org/officeDocument/2006/extended-properties" xmlns:vt="http://schemas.openxmlformats.org/officeDocument/2006/docPropsVTypes">
  <Template>1C786324</Template>
  <TotalTime>2195</TotalTime>
  <Words>914</Words>
  <Application>Microsoft Office PowerPoint</Application>
  <PresentationFormat>On-screen Show (16:9)</PresentationFormat>
  <Paragraphs>218</Paragraphs>
  <Slides>25</Slides>
  <Notes>13</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25</vt:i4>
      </vt:variant>
    </vt:vector>
  </HeadingPairs>
  <TitlesOfParts>
    <vt:vector size="33" baseType="lpstr">
      <vt:lpstr>Arial</vt:lpstr>
      <vt:lpstr>Arial Narrow</vt:lpstr>
      <vt:lpstr>Calibri</vt:lpstr>
      <vt:lpstr>Courier New</vt:lpstr>
      <vt:lpstr>Georgia</vt:lpstr>
      <vt:lpstr>Söhne</vt:lpstr>
      <vt:lpstr>Wingdings</vt:lpstr>
      <vt:lpstr>1_CLA-Widescreen</vt:lpstr>
      <vt:lpstr>Statistics, Machine Learning,  and AI in Accounting</vt:lpstr>
      <vt:lpstr>Agenda</vt:lpstr>
      <vt:lpstr>Introduction</vt:lpstr>
      <vt:lpstr>Introduction</vt:lpstr>
      <vt:lpstr>Analytics in Accounting</vt:lpstr>
      <vt:lpstr>Impact of AI</vt:lpstr>
      <vt:lpstr>A Shifting Profession</vt:lpstr>
      <vt:lpstr>AI in Accounting</vt:lpstr>
      <vt:lpstr>AI in Accounting</vt:lpstr>
      <vt:lpstr>Statistical Analysis in Accounting</vt:lpstr>
      <vt:lpstr>Statistics, Machine Learning, and AI</vt:lpstr>
      <vt:lpstr>Artificial Intelligence</vt:lpstr>
      <vt:lpstr>Challenges in Integrating AI and ML in Accounting</vt:lpstr>
      <vt:lpstr>Opportunities Ahead</vt:lpstr>
      <vt:lpstr>Conclusion</vt:lpstr>
      <vt:lpstr>Introduction to Programming</vt:lpstr>
      <vt:lpstr>Why Accountants Should Learn Programming</vt:lpstr>
      <vt:lpstr>What is Programming?</vt:lpstr>
      <vt:lpstr>An Example: Automating Statement Reconciliation</vt:lpstr>
      <vt:lpstr>Introduction to Python</vt:lpstr>
      <vt:lpstr>How a Programmer Thinks: Algorithm Development &amp; Coding</vt:lpstr>
      <vt:lpstr>How a Programmer Thinks: Algorithm Development &amp; Coding</vt:lpstr>
      <vt:lpstr>Why Does Python Code Look Like This?</vt:lpstr>
      <vt:lpstr>Getting Started</vt:lpstr>
      <vt:lpstr>Getting Started with Pyth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July Large AI User Group Meeting</dc:title>
  <dc:creator>White, Alex</dc:creator>
  <cp:lastModifiedBy>White, Alex</cp:lastModifiedBy>
  <cp:revision>4</cp:revision>
  <dcterms:created xsi:type="dcterms:W3CDTF">2023-07-13T12:15:28Z</dcterms:created>
  <dcterms:modified xsi:type="dcterms:W3CDTF">2024-08-22T14:13:4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25T15:00:24</vt:lpwstr>
  </property>
  <property fmtid="{D5CDD505-2E9C-101B-9397-08002B2CF9AE}" pid="3" name="TemplafyTenantId">
    <vt:lpwstr>claconnect</vt:lpwstr>
  </property>
  <property fmtid="{D5CDD505-2E9C-101B-9397-08002B2CF9AE}" pid="4" name="TemplafyTemplateId">
    <vt:lpwstr>638206236216591183</vt:lpwstr>
  </property>
  <property fmtid="{D5CDD505-2E9C-101B-9397-08002B2CF9AE}" pid="5" name="TemplafyUserProfileId">
    <vt:lpwstr>638246816289704236</vt:lpwstr>
  </property>
  <property fmtid="{D5CDD505-2E9C-101B-9397-08002B2CF9AE}" pid="6" name="TemplafyLanguageCode">
    <vt:lpwstr>en-US</vt:lpwstr>
  </property>
  <property fmtid="{D5CDD505-2E9C-101B-9397-08002B2CF9AE}" pid="7" name="TemplafyFromBlank">
    <vt:bool>true</vt:bool>
  </property>
</Properties>
</file>